
<file path=[Content_Types].xml><?xml version="1.0" encoding="utf-8"?>
<Types xmlns="http://schemas.openxmlformats.org/package/2006/content-types">
  <Default Extension="png" ContentType="image/png"/>
  <Default Extension="bin" ContentType="image/png"/>
  <Default Extension="svg" ContentType="image/svg+xml"/>
  <Default Extension="jpeg" ContentType="image/jpeg"/>
  <Default Extension="emf" ContentType="image/x-emf"/>
  <Default Extension="rels" ContentType="application/vnd.openxmlformats-package.relationships+xml"/>
  <Default Extension="xml" ContentType="application/xml"/>
  <Default Extension="wdp" ContentType="image/vnd.ms-photo"/>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media/image22.bin" ContentType="image/jpeg"/>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media/image16.bin" ContentType="image/svg+xml"/>
  <Override PartName="/ppt/media/image21.bin" ContentType="image/svg+xml"/>
  <Override PartName="/ppt/media/image23.bin" ContentType="image/svg+xml"/>
  <Override PartName="/ppt/media/image25.bin" ContentType="image/svg+xml"/>
  <Override PartName="/ppt/media/image29.bin" ContentType="image/svg+xml"/>
  <Override PartName="/ppt/media/image33.bin" ContentType="image/svg+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23"/>
  </p:sldMasterIdLst>
  <p:notesMasterIdLst>
    <p:notesMasterId r:id="rId35"/>
  </p:notesMasterIdLst>
  <p:sldIdLst>
    <p:sldId id="3276" r:id="rId24"/>
    <p:sldId id="3292" r:id="rId25"/>
    <p:sldId id="3277" r:id="rId26"/>
    <p:sldId id="3286" r:id="rId27"/>
    <p:sldId id="3290" r:id="rId28"/>
    <p:sldId id="3280" r:id="rId29"/>
    <p:sldId id="3285" r:id="rId30"/>
    <p:sldId id="3287" r:id="rId31"/>
    <p:sldId id="3291" r:id="rId32"/>
    <p:sldId id="3293" r:id="rId33"/>
    <p:sldId id="3242" r:id="rId34"/>
  </p:sldIdLst>
  <p:sldSz cx="12192000" cy="6858000"/>
  <p:notesSz cx="6858000" cy="9144000"/>
  <p:custDataLst>
    <p:tags r:id="rId36"/>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EC3E1"/>
    <a:srgbClr val="1F538F"/>
    <a:srgbClr val="EAEAEA"/>
    <a:srgbClr val="9900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7033" autoAdjust="0"/>
    <p:restoredTop sz="94660"/>
  </p:normalViewPr>
  <p:slideViewPr>
    <p:cSldViewPr snapToGrid="0" showGuides="1">
      <p:cViewPr varScale="1">
        <p:scale>
          <a:sx n="65" d="100"/>
          <a:sy n="65" d="100"/>
        </p:scale>
        <p:origin x="78" y="234"/>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3.xml"/><Relationship Id="rId39"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1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2.xml"/><Relationship Id="rId33" Type="http://schemas.openxmlformats.org/officeDocument/2006/relationships/slide" Target="slides/slide10.xml"/><Relationship Id="rId38"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5.xml"/><Relationship Id="rId36" Type="http://schemas.openxmlformats.org/officeDocument/2006/relationships/tags" Target="tags/tag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8.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notesMaster" Target="notesMasters/notesMaster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DA840C6-1F39-43ED-B27B-1FEC6C3829D7}" type="datetimeFigureOut">
              <a:rPr lang="en-GB" smtClean="0"/>
              <a:t>07/07/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5E21C0D-9E07-4C74-9A59-193F61F62892}" type="slidenum">
              <a:rPr lang="en-GB" smtClean="0"/>
              <a:t>‹#›</a:t>
            </a:fld>
            <a:endParaRPr lang="en-GB"/>
          </a:p>
        </p:txBody>
      </p:sp>
    </p:spTree>
    <p:extLst>
      <p:ext uri="{BB962C8B-B14F-4D97-AF65-F5344CB8AC3E}">
        <p14:creationId xmlns:p14="http://schemas.microsoft.com/office/powerpoint/2010/main" val="217285986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2</a:t>
            </a:fld>
            <a:endParaRPr lang="en-GB"/>
          </a:p>
        </p:txBody>
      </p:sp>
      <p:sp>
        <p:nvSpPr>
          <p:cNvPr id="5" name="Date Placeholder 4"/>
          <p:cNvSpPr>
            <a:spLocks noGrp="1"/>
          </p:cNvSpPr>
          <p:nvPr>
            <p:ph type="dt" idx="1"/>
          </p:nvPr>
        </p:nvSpPr>
        <p:spPr/>
        <p:txBody>
          <a:bodyPr/>
          <a:lstStyle/>
          <a:p>
            <a:fld id="{B8470CD4-B29B-1847-9ED9-8C0CAA5D477B}" type="datetime1">
              <a:rPr lang="en-US"/>
              <a:t>7/7/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44537888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4</a:t>
            </a:fld>
            <a:endParaRPr lang="en-GB"/>
          </a:p>
        </p:txBody>
      </p:sp>
      <p:sp>
        <p:nvSpPr>
          <p:cNvPr id="5" name="Date Placeholder 4"/>
          <p:cNvSpPr>
            <a:spLocks noGrp="1"/>
          </p:cNvSpPr>
          <p:nvPr>
            <p:ph type="dt" idx="1"/>
          </p:nvPr>
        </p:nvSpPr>
        <p:spPr/>
        <p:txBody>
          <a:bodyPr/>
          <a:lstStyle/>
          <a:p>
            <a:fld id="{B8470CD4-B29B-1847-9ED9-8C0CAA5D477B}" type="datetime1">
              <a:rPr lang="en-US"/>
              <a:t>7/7/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9113879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5</a:t>
            </a:fld>
            <a:endParaRPr lang="en-GB"/>
          </a:p>
        </p:txBody>
      </p:sp>
      <p:sp>
        <p:nvSpPr>
          <p:cNvPr id="5" name="Date Placeholder 4"/>
          <p:cNvSpPr>
            <a:spLocks noGrp="1"/>
          </p:cNvSpPr>
          <p:nvPr>
            <p:ph type="dt" idx="1"/>
          </p:nvPr>
        </p:nvSpPr>
        <p:spPr/>
        <p:txBody>
          <a:bodyPr/>
          <a:lstStyle/>
          <a:p>
            <a:fld id="{B8470CD4-B29B-1847-9ED9-8C0CAA5D477B}" type="datetime1">
              <a:rPr lang="en-US"/>
              <a:t>7/7/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58277716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7</a:t>
            </a:fld>
            <a:endParaRPr lang="en-GB"/>
          </a:p>
        </p:txBody>
      </p:sp>
      <p:sp>
        <p:nvSpPr>
          <p:cNvPr id="5" name="Date Placeholder 4"/>
          <p:cNvSpPr>
            <a:spLocks noGrp="1"/>
          </p:cNvSpPr>
          <p:nvPr>
            <p:ph type="dt" idx="1"/>
          </p:nvPr>
        </p:nvSpPr>
        <p:spPr/>
        <p:txBody>
          <a:bodyPr/>
          <a:lstStyle/>
          <a:p>
            <a:fld id="{B8470CD4-B29B-1847-9ED9-8C0CAA5D477B}" type="datetime1">
              <a:rPr lang="en-US"/>
              <a:t>7/7/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56970947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8</a:t>
            </a:fld>
            <a:endParaRPr lang="en-GB"/>
          </a:p>
        </p:txBody>
      </p:sp>
      <p:sp>
        <p:nvSpPr>
          <p:cNvPr id="5" name="Date Placeholder 4"/>
          <p:cNvSpPr>
            <a:spLocks noGrp="1"/>
          </p:cNvSpPr>
          <p:nvPr>
            <p:ph type="dt" idx="1"/>
          </p:nvPr>
        </p:nvSpPr>
        <p:spPr/>
        <p:txBody>
          <a:bodyPr/>
          <a:lstStyle/>
          <a:p>
            <a:fld id="{B8470CD4-B29B-1847-9ED9-8C0CAA5D477B}" type="datetime1">
              <a:rPr lang="en-US"/>
              <a:t>7/7/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03796929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2E7D2F9E-D167-4ED3-83EC-AE46EA34BEC3}" type="slidenum">
              <a:rPr lang="en-US"/>
              <a:pPr/>
              <a:t>9</a:t>
            </a:fld>
            <a:endParaRPr lang="en-US" dirty="0"/>
          </a:p>
        </p:txBody>
      </p:sp>
    </p:spTree>
    <p:extLst>
      <p:ext uri="{BB962C8B-B14F-4D97-AF65-F5344CB8AC3E}">
        <p14:creationId xmlns:p14="http://schemas.microsoft.com/office/powerpoint/2010/main" val="53022425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1</a:t>
            </a:fld>
            <a:endParaRPr lang="en-GB"/>
          </a:p>
        </p:txBody>
      </p:sp>
      <p:sp>
        <p:nvSpPr>
          <p:cNvPr id="5" name="Date Placeholder 4"/>
          <p:cNvSpPr>
            <a:spLocks noGrp="1"/>
          </p:cNvSpPr>
          <p:nvPr>
            <p:ph type="dt" idx="1"/>
          </p:nvPr>
        </p:nvSpPr>
        <p:spPr/>
        <p:txBody>
          <a:bodyPr/>
          <a:lstStyle/>
          <a:p>
            <a:fld id="{B8470CD4-B29B-1847-9ED9-8C0CAA5D477B}" type="datetime1">
              <a:rPr lang="en-US" smtClean="0"/>
              <a:t>7/7/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81159272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5" Type="http://schemas.openxmlformats.org/officeDocument/2006/relationships/image" Target="../media/image2.png"/><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4.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4.png"/><Relationship Id="rId4" Type="http://schemas.openxmlformats.org/officeDocument/2006/relationships/image" Target="../media/image5.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40.xml"/><Relationship Id="rId4" Type="http://schemas.openxmlformats.org/officeDocument/2006/relationships/image" Target="../media/image6.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4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jpe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A with Shield">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1B16BA09-5E0E-9342-7B5F-208FB49230F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 xmlns:asvg="http://schemas.microsoft.com/office/drawing/2016/SVG/main" r:embed="rId4"/>
              </a:ext>
            </a:extLst>
          </a:blip>
          <a:stretch>
            <a:fillRect/>
          </a:stretch>
        </p:blipFill>
        <p:spPr>
          <a:xfrm>
            <a:off x="6585504" y="719138"/>
            <a:ext cx="4885771" cy="5605380"/>
          </a:xfrm>
          <a:prstGeom prst="rect">
            <a:avLst/>
          </a:prstGeom>
        </p:spPr>
      </p:pic>
      <p:sp>
        <p:nvSpPr>
          <p:cNvPr id="14" name="Background">
            <a:extLst>
              <a:ext uri="{FF2B5EF4-FFF2-40B4-BE49-F238E27FC236}">
                <a16:creationId xmlns:a16="http://schemas.microsoft.com/office/drawing/2014/main" id="{839A0678-D339-25B7-6999-A7B668AB1E90}"/>
              </a:ext>
            </a:extLst>
          </p:cNvPr>
          <p:cNvSpPr/>
          <p:nvPr userDrawn="1"/>
        </p:nvSpPr>
        <p:spPr>
          <a:xfrm>
            <a:off x="0" y="0"/>
            <a:ext cx="12191999" cy="6858000"/>
          </a:xfrm>
          <a:prstGeom prst="rect">
            <a:avLst/>
          </a:prstGeom>
          <a:gradFill>
            <a:gsLst>
              <a:gs pos="11000">
                <a:schemeClr val="bg1">
                  <a:alpha val="0"/>
                </a:schemeClr>
              </a:gs>
              <a:gs pos="51000">
                <a:schemeClr val="bg1"/>
              </a:gs>
            </a:gsLst>
            <a:lin ang="7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37769" y="3160800"/>
            <a:ext cx="10733505" cy="1782000"/>
          </a:xfrm>
        </p:spPr>
        <p:txBody>
          <a:bodyPr anchor="t" anchorCtr="0">
            <a:noAutofit/>
          </a:bodyPr>
          <a:lstStyle>
            <a:lvl1pPr algn="l">
              <a:defRPr sz="4800">
                <a:solidFill>
                  <a:schemeClr val="tx2"/>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chemeClr val="accent3"/>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tx2"/>
                </a:solidFill>
              </a:defRPr>
            </a:lvl1pPr>
          </a:lstStyle>
          <a:p>
            <a:fld id="{2555C37E-A1C6-4459-9E67-8F853AD043DA}" type="datetime4">
              <a:rPr lang="en-US" smtClean="0"/>
              <a:pPr/>
              <a:t>July 7,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725"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pic>
        <p:nvPicPr>
          <p:cNvPr id="1075133346" name="Picture 7" descr="{&quot;templafy&quot;:{&quot;id&quot;:&quot;30901234-f399-4a94-9bd1-5eabdf747fc7&quot;}}"/>
          <p:cNvPicPr>
            <a:picLocks noChangeAspect="1"/>
          </p:cNvPicPr>
          <p:nvPr/>
        </p:nvPicPr>
        <p:blipFill>
          <a:blip r:embed="rId5"/>
          <a:stretch>
            <a:fillRect/>
          </a:stretch>
        </p:blipFill>
        <p:spPr>
          <a:xfrm>
            <a:off x="730799" y="699175"/>
            <a:ext cx="4322438" cy="725487"/>
          </a:xfrm>
          <a:prstGeom prst="rect">
            <a:avLst/>
          </a:prstGeom>
        </p:spPr>
      </p:pic>
    </p:spTree>
    <p:extLst>
      <p:ext uri="{BB962C8B-B14F-4D97-AF65-F5344CB8AC3E}">
        <p14:creationId xmlns:p14="http://schemas.microsoft.com/office/powerpoint/2010/main" val="3322638505"/>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type="secHead" preserve="1">
  <p:cSld name="Breaker F">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tx2"/>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7/07/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5CB14299-9B5F-BF3A-D63A-A282BCE062E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5b4eea74-9d13-4e44-9b2c-0f08819b6c97&quot;}}">
            <a:extLst>
              <a:ext uri="{FF2B5EF4-FFF2-40B4-BE49-F238E27FC236}">
                <a16:creationId xmlns:a16="http://schemas.microsoft.com/office/drawing/2014/main" id="{F9DD6C23-C8F9-1547-9614-BEBD6DAFD0D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419005496"/>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type="secHead" preserve="1">
  <p:cSld name="Breaker G">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7/07/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82F1C1D4-A570-C8D4-71E4-37223819B6F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2a703fa-8259-4557-962d-ab582f2249cc&quot;}}">
            <a:extLst>
              <a:ext uri="{FF2B5EF4-FFF2-40B4-BE49-F238E27FC236}">
                <a16:creationId xmlns:a16="http://schemas.microsoft.com/office/drawing/2014/main" id="{EBCD5668-E220-BAC0-653D-1464F201089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560272308"/>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type="secHead" preserve="1">
  <p:cSld name="Breaker H">
    <p:bg>
      <p:bgPr>
        <a:solidFill>
          <a:schemeClr val="accent4">
            <a:lumMod val="40000"/>
            <a:lumOff val="6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4"/>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7/07/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78e4b136-0ecb-418f-b7bb-760dc4515bda&quot;}}">
            <a:extLst>
              <a:ext uri="{FF2B5EF4-FFF2-40B4-BE49-F238E27FC236}">
                <a16:creationId xmlns:a16="http://schemas.microsoft.com/office/drawing/2014/main" id="{91EF78B0-9F03-F314-B042-2A9C780D80D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388349347"/>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10752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0B530299-CA6B-4E8C-BCCE-DD62263A5EED}" type="datetime4">
              <a:rPr lang="en-US" noProof="0" smtClean="0"/>
              <a:t>July 7,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466101650"/>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Subhead and 1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July 7,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1075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278300702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8771BA-DEC6-F3CD-0966-439080AF1576}"/>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D54B0AC-EFAA-1FCE-1F40-2E60B6B6702F}"/>
              </a:ext>
            </a:extLst>
          </p:cNvPr>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a:extLst>
              <a:ext uri="{FF2B5EF4-FFF2-40B4-BE49-F238E27FC236}">
                <a16:creationId xmlns:a16="http://schemas.microsoft.com/office/drawing/2014/main" id="{BCC6BC50-3655-09A2-54D0-991FCCB4D17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Text Placeholder 8">
            <a:extLst>
              <a:ext uri="{FF2B5EF4-FFF2-40B4-BE49-F238E27FC236}">
                <a16:creationId xmlns:a16="http://schemas.microsoft.com/office/drawing/2014/main" id="{98E7446D-1AC7-A43F-ADC3-99ABFBDE93F6}"/>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Guides" hidden="1">
            <a:extLst>
              <a:ext uri="{FF2B5EF4-FFF2-40B4-BE49-F238E27FC236}">
                <a16:creationId xmlns:a16="http://schemas.microsoft.com/office/drawing/2014/main" id="{C47EC7B5-5579-B015-84D6-CEA96A4D5E9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585974977"/>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86CF56-797D-76D1-938F-9E4AB58EBE90}"/>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CA6DD9D7-320B-688A-C7E1-3A0DA32461F1}"/>
              </a:ext>
            </a:extLst>
          </p:cNvPr>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a:extLst>
              <a:ext uri="{FF2B5EF4-FFF2-40B4-BE49-F238E27FC236}">
                <a16:creationId xmlns:a16="http://schemas.microsoft.com/office/drawing/2014/main" id="{30508826-EFB1-9253-4DD9-529D28A14BB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65832291-D52E-BC28-A4EE-FF28DF7F69C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76193903"/>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obj" preserve="1">
  <p:cSld name="Two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FB0A5DFB-6244-4115-A7AB-7C97339F6AD2}" type="datetime4">
              <a:rPr lang="en-US" noProof="0" smtClean="0"/>
              <a:t>July 7,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713599"/>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878937572"/>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lumn Content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97ECFD5-E07E-4246-A3BA-6245CC117A65}" type="datetime4">
              <a:rPr lang="en-US" noProof="0" smtClean="0"/>
              <a:t>July 7,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Tree>
    <p:extLst>
      <p:ext uri="{BB962C8B-B14F-4D97-AF65-F5344CB8AC3E}">
        <p14:creationId xmlns:p14="http://schemas.microsoft.com/office/powerpoint/2010/main" val="1297066995"/>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97ECFD5-E07E-4246-A3BA-6245CC117A65}" type="datetime4">
              <a:rPr lang="en-US" noProof="0" smtClean="0"/>
              <a:t>July 7,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4422775"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8128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87070561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C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 xmlns:asvg="http://schemas.microsoft.com/office/drawing/2016/SVG/main"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bg1"/>
                </a:solidFill>
              </a:defRPr>
            </a:lvl1pPr>
          </a:lstStyle>
          <a:p>
            <a:fld id="{2555C37E-A1C6-4459-9E67-8F853AD043DA}" type="datetime4">
              <a:rPr lang="en-US" smtClean="0"/>
              <a:pPr/>
              <a:t>July 7,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14908128" name="Picture 5" descr="{&quot;templafy&quot;:{&quot;id&quot;:&quot;727798fb-93ec-4ae5-a5bd-5308d7c40665&quot;}}"/>
          <p:cNvPicPr>
            <a:picLocks noChangeAspect="1"/>
          </p:cNvPicPr>
          <p:nvPr/>
        </p:nvPicPr>
        <p:blipFill>
          <a:blip r:embed="rId5"/>
          <a:stretch>
            <a:fillRect/>
          </a:stretch>
        </p:blipFill>
        <p:spPr>
          <a:xfrm>
            <a:off x="737770" y="702906"/>
            <a:ext cx="4322438" cy="725487"/>
          </a:xfrm>
          <a:prstGeom prst="rect">
            <a:avLst/>
          </a:prstGeom>
        </p:spPr>
      </p:pic>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55487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740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224356727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97ECFD5-E07E-4246-A3BA-6245CC117A65}" type="datetime4">
              <a:rPr lang="en-US" noProof="0" smtClean="0"/>
              <a:t>July 7,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3498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6275999"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2">
            <a:extLst>
              <a:ext uri="{FF2B5EF4-FFF2-40B4-BE49-F238E27FC236}">
                <a16:creationId xmlns:a16="http://schemas.microsoft.com/office/drawing/2014/main" id="{8B5911BE-8839-F336-D549-40F51B1053D4}"/>
              </a:ext>
            </a:extLst>
          </p:cNvPr>
          <p:cNvSpPr>
            <a:spLocks noGrp="1"/>
          </p:cNvSpPr>
          <p:nvPr>
            <p:ph idx="15" hasCustomPrompt="1"/>
          </p:nvPr>
        </p:nvSpPr>
        <p:spPr>
          <a:xfrm>
            <a:off x="9053275"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353306232"/>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EPORT 2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July 7,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3502800" y="720000"/>
            <a:ext cx="79704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2415600" cy="2530800"/>
          </a:xfrm>
        </p:spPr>
        <p:txBody>
          <a:bodyPr/>
          <a:lstStyle/>
          <a:p>
            <a:r>
              <a:rPr lang="en-US" dirty="0"/>
              <a:t>Click to edit Master title style</a:t>
            </a:r>
            <a:endParaRPr lang="en-GB" dirty="0"/>
          </a:p>
        </p:txBody>
      </p:sp>
      <p:sp>
        <p:nvSpPr>
          <p:cNvPr id="4" name="Content Placeholder 3">
            <a:extLst>
              <a:ext uri="{FF2B5EF4-FFF2-40B4-BE49-F238E27FC236}">
                <a16:creationId xmlns:a16="http://schemas.microsoft.com/office/drawing/2014/main" id="{B09FEC81-69D3-F091-6AAB-584372D2CDCA}"/>
              </a:ext>
            </a:extLst>
          </p:cNvPr>
          <p:cNvSpPr>
            <a:spLocks noGrp="1"/>
          </p:cNvSpPr>
          <p:nvPr>
            <p:ph sz="quarter" idx="14" hasCustomPrompt="1"/>
          </p:nvPr>
        </p:nvSpPr>
        <p:spPr>
          <a:xfrm>
            <a:off x="719138" y="3556000"/>
            <a:ext cx="2416175" cy="2581275"/>
          </a:xfrm>
        </p:spPr>
        <p:txBody>
          <a:bodyPr/>
          <a:lstStyle>
            <a:lvl1pPr>
              <a:defRPr sz="4000" cap="all" baseline="0">
                <a:solidFill>
                  <a:srgbClr val="9EC3E1"/>
                </a:solidFill>
              </a:defRPr>
            </a:lvl1pPr>
          </a:lstStyle>
          <a:p>
            <a:pPr lvl="0"/>
            <a:r>
              <a:rPr lang="en-US" dirty="0"/>
              <a:t>Callout or stat</a:t>
            </a:r>
            <a:endParaRPr lang="en-GB" dirty="0"/>
          </a:p>
        </p:txBody>
      </p:sp>
    </p:spTree>
    <p:extLst>
      <p:ext uri="{BB962C8B-B14F-4D97-AF65-F5344CB8AC3E}">
        <p14:creationId xmlns:p14="http://schemas.microsoft.com/office/powerpoint/2010/main" val="2246113426"/>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2251"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2047"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idebar,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840120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July 7,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8787261" y="720000"/>
            <a:ext cx="2680837"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Footers" descr="{&quot;templafy&quot;:{&quot;id&quot;:&quot;f6daa306-ad96-40f4-82cd-fef5cf89adf4&quot;}}">
            <a:extLst>
              <a:ext uri="{FF2B5EF4-FFF2-40B4-BE49-F238E27FC236}">
                <a16:creationId xmlns:a16="http://schemas.microsoft.com/office/drawing/2014/main" id="{1730DDFB-184E-CE5B-13B1-2A6F3A06ACE8}"/>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156462968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idebar, Lef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AEBF58B4-61FE-4B6E-9387-39B058629E66}" type="datetime4">
              <a:rPr lang="en-US" noProof="0" smtClean="0"/>
              <a:t>July 7,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44244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44244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4424400"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720000" y="720000"/>
            <a:ext cx="24192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51510678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ent Left - Photo Right">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614FC3F-8ED6-0751-6C51-3B2BEC1277DD}"/>
              </a:ext>
            </a:extLst>
          </p:cNvPr>
          <p:cNvSpPr>
            <a:spLocks noGrp="1"/>
          </p:cNvSpPr>
          <p:nvPr>
            <p:ph type="pic" sz="quarter" idx="14"/>
          </p:nvPr>
        </p:nvSpPr>
        <p:spPr>
          <a:xfrm>
            <a:off x="720090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July 7,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6122000" cy="561600"/>
          </a:xfrm>
        </p:spPr>
        <p:txBody>
          <a:bodyPr/>
          <a:lstStyle/>
          <a:p>
            <a:r>
              <a:rPr lang="en-US" dirty="0"/>
              <a:t>Click to edit Master title style</a:t>
            </a:r>
            <a:endParaRPr lang="en-GB" dirty="0"/>
          </a:p>
        </p:txBody>
      </p:sp>
      <p:sp>
        <p:nvSpPr>
          <p:cNvPr id="4" name="Footers" descr="{&quot;templafy&quot;:{&quot;id&quot;:&quot;fe8e1a07-4725-46e9-b27d-111515b6a4b0&quot;}}">
            <a:extLst>
              <a:ext uri="{FF2B5EF4-FFF2-40B4-BE49-F238E27FC236}">
                <a16:creationId xmlns:a16="http://schemas.microsoft.com/office/drawing/2014/main" id="{F9EC4DD8-B03D-E94C-E682-0A9B26DCBF8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4092619915"/>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hoto Left - Content Right">
    <p:spTree>
      <p:nvGrpSpPr>
        <p:cNvPr id="1" name=""/>
        <p:cNvGrpSpPr/>
        <p:nvPr/>
      </p:nvGrpSpPr>
      <p:grpSpPr>
        <a:xfrm>
          <a:off x="0" y="0"/>
          <a:ext cx="0" cy="0"/>
          <a:chOff x="0" y="0"/>
          <a:chExt cx="0" cy="0"/>
        </a:xfrm>
      </p:grpSpPr>
      <p:sp>
        <p:nvSpPr>
          <p:cNvPr id="5" name="Picture Placeholder 6">
            <a:extLst>
              <a:ext uri="{FF2B5EF4-FFF2-40B4-BE49-F238E27FC236}">
                <a16:creationId xmlns:a16="http://schemas.microsoft.com/office/drawing/2014/main" id="{C0E66B85-A497-806D-1EDC-07151561F037}"/>
              </a:ext>
            </a:extLst>
          </p:cNvPr>
          <p:cNvSpPr>
            <a:spLocks noGrp="1"/>
          </p:cNvSpPr>
          <p:nvPr>
            <p:ph type="pic" sz="quarter" idx="14"/>
          </p:nvPr>
        </p:nvSpPr>
        <p:spPr>
          <a:xfrm>
            <a:off x="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AEBF58B4-61FE-4B6E-9387-39B058629E66}" type="datetime4">
              <a:rPr lang="en-US" noProof="0" smtClean="0"/>
              <a:t>July 7,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5349275"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5349275"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5349275" y="720000"/>
            <a:ext cx="6122000" cy="5616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361146112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REPORT 3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57D76C0-5C22-E359-CE79-F004D2181106}"/>
              </a:ext>
            </a:extLst>
          </p:cNvPr>
          <p:cNvSpPr/>
          <p:nvPr userDrawn="1"/>
        </p:nvSpPr>
        <p:spPr>
          <a:xfrm>
            <a:off x="0" y="0"/>
            <a:ext cx="5911200" cy="6858000"/>
          </a:xfrm>
          <a:prstGeom prst="rect">
            <a:avLst/>
          </a:prstGeom>
          <a:gradFill>
            <a:gsLst>
              <a:gs pos="60000">
                <a:schemeClr val="accent1"/>
              </a:gs>
              <a:gs pos="86000">
                <a:srgbClr val="1F538F"/>
              </a:gs>
              <a:gs pos="100000">
                <a:schemeClr val="accent3"/>
              </a:gs>
            </a:gsLst>
            <a:lin ang="81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629600" cy="2530800"/>
          </a:xfrm>
        </p:spPr>
        <p:txBody>
          <a:bodyPr/>
          <a:lstStyle>
            <a:lvl1pPr>
              <a:defRPr>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Content Placeholder 13">
            <a:extLst>
              <a:ext uri="{FF2B5EF4-FFF2-40B4-BE49-F238E27FC236}">
                <a16:creationId xmlns:a16="http://schemas.microsoft.com/office/drawing/2014/main" id="{8629CEFB-CC46-A8B8-01A0-9FC67CBA2F49}"/>
              </a:ext>
            </a:extLst>
          </p:cNvPr>
          <p:cNvSpPr>
            <a:spLocks noGrp="1"/>
          </p:cNvSpPr>
          <p:nvPr>
            <p:ph sz="quarter" idx="25" hasCustomPrompt="1"/>
          </p:nvPr>
        </p:nvSpPr>
        <p:spPr>
          <a:xfrm>
            <a:off x="906275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Content Placeholder 13">
            <a:extLst>
              <a:ext uri="{FF2B5EF4-FFF2-40B4-BE49-F238E27FC236}">
                <a16:creationId xmlns:a16="http://schemas.microsoft.com/office/drawing/2014/main" id="{277AD4A9-73AA-FC1E-DFE4-E50DD96AC8A9}"/>
              </a:ext>
            </a:extLst>
          </p:cNvPr>
          <p:cNvSpPr>
            <a:spLocks noGrp="1"/>
          </p:cNvSpPr>
          <p:nvPr>
            <p:ph sz="quarter" idx="26" hasCustomPrompt="1"/>
          </p:nvPr>
        </p:nvSpPr>
        <p:spPr>
          <a:xfrm>
            <a:off x="628080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3" name="Content Placeholder 13">
            <a:extLst>
              <a:ext uri="{FF2B5EF4-FFF2-40B4-BE49-F238E27FC236}">
                <a16:creationId xmlns:a16="http://schemas.microsoft.com/office/drawing/2014/main" id="{50F43CDD-BB71-2518-2700-3FC4FD0DB8F2}"/>
              </a:ext>
            </a:extLst>
          </p:cNvPr>
          <p:cNvSpPr>
            <a:spLocks noGrp="1"/>
          </p:cNvSpPr>
          <p:nvPr>
            <p:ph sz="quarter" idx="27" hasCustomPrompt="1"/>
          </p:nvPr>
        </p:nvSpPr>
        <p:spPr>
          <a:xfrm>
            <a:off x="906275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9138" y="3610800"/>
            <a:ext cx="46296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379728241"/>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2047"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227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 5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417762" cy="2530800"/>
          </a:xfrm>
        </p:spPr>
        <p:txBody>
          <a:bodyPr/>
          <a:lstStyle/>
          <a:p>
            <a:r>
              <a:rPr lang="en-US" dirty="0"/>
              <a:t>Click to edit Master title style</a:t>
            </a:r>
            <a:endParaRPr lang="en-GB" dirty="0"/>
          </a:p>
        </p:txBody>
      </p:sp>
      <p:sp>
        <p:nvSpPr>
          <p:cNvPr id="16" name="Content Placeholder 15">
            <a:extLst>
              <a:ext uri="{FF2B5EF4-FFF2-40B4-BE49-F238E27FC236}">
                <a16:creationId xmlns:a16="http://schemas.microsoft.com/office/drawing/2014/main" id="{AAC1FBFE-B73D-7F3E-861B-16D1159B45C4}"/>
              </a:ext>
            </a:extLst>
          </p:cNvPr>
          <p:cNvSpPr>
            <a:spLocks noGrp="1"/>
          </p:cNvSpPr>
          <p:nvPr>
            <p:ph sz="quarter" idx="12"/>
          </p:nvPr>
        </p:nvSpPr>
        <p:spPr>
          <a:xfrm>
            <a:off x="720000" y="3607199"/>
            <a:ext cx="5195025" cy="25308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9" name="Content Placeholder 17">
            <a:extLst>
              <a:ext uri="{FF2B5EF4-FFF2-40B4-BE49-F238E27FC236}">
                <a16:creationId xmlns:a16="http://schemas.microsoft.com/office/drawing/2014/main" id="{C93BC420-F68F-9B1C-F5A8-F0BAD3B826C1}"/>
              </a:ext>
            </a:extLst>
          </p:cNvPr>
          <p:cNvSpPr>
            <a:spLocks noGrp="1"/>
          </p:cNvSpPr>
          <p:nvPr>
            <p:ph sz="quarter" idx="14"/>
          </p:nvPr>
        </p:nvSpPr>
        <p:spPr>
          <a:xfrm>
            <a:off x="6275387"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6275387"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510847988"/>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 5 Content B">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EC26CBF-9D3D-15DE-A3B6-1F8AC80A3E0C}"/>
              </a:ext>
            </a:extLst>
          </p:cNvPr>
          <p:cNvSpPr/>
          <p:nvPr userDrawn="1"/>
        </p:nvSpPr>
        <p:spPr>
          <a:xfrm>
            <a:off x="0" y="0"/>
            <a:ext cx="31356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a:xfrm>
            <a:off x="1115138" y="6439469"/>
            <a:ext cx="1828800" cy="180000"/>
          </a:xfrm>
        </p:spPr>
        <p:txBody>
          <a:bodyPr/>
          <a:lstStyle>
            <a:lvl1pPr>
              <a:defRPr>
                <a:solidFill>
                  <a:schemeClr val="bg1"/>
                </a:solidFill>
              </a:defRPr>
            </a:lvl1pPr>
          </a:lstStyle>
          <a:p>
            <a:fld id="{197DF7FC-2311-4E03-AAFE-2DADE0839E10}" type="datetime4">
              <a:rPr lang="en-US" smtClean="0"/>
              <a:pPr/>
              <a:t>July 7, 2023</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224800" cy="2530800"/>
          </a:xfrm>
        </p:spPr>
        <p:txBody>
          <a:bodyPr/>
          <a:lstStyle>
            <a:lvl1pPr>
              <a:defRPr>
                <a:solidFill>
                  <a:schemeClr val="bg1"/>
                </a:solidFill>
              </a:defRPr>
            </a:lvl1pPr>
          </a:lstStyle>
          <a:p>
            <a:r>
              <a:rPr lang="en-US" dirty="0"/>
              <a:t>Click to edit Master title style</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5">
            <a:extLst>
              <a:ext uri="{FF2B5EF4-FFF2-40B4-BE49-F238E27FC236}">
                <a16:creationId xmlns:a16="http://schemas.microsoft.com/office/drawing/2014/main" id="{53C86090-9697-9AEF-C893-5B4EBE1CA3B2}"/>
              </a:ext>
            </a:extLst>
          </p:cNvPr>
          <p:cNvSpPr>
            <a:spLocks noGrp="1"/>
          </p:cNvSpPr>
          <p:nvPr>
            <p:ph sz="quarter" idx="12"/>
          </p:nvPr>
        </p:nvSpPr>
        <p:spPr>
          <a:xfrm>
            <a:off x="719138" y="3610800"/>
            <a:ext cx="22248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42728624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REPORT 5 Content C">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B292795-53E5-D4AE-7881-39C23A693A20}"/>
              </a:ext>
            </a:extLst>
          </p:cNvPr>
          <p:cNvSpPr/>
          <p:nvPr userDrawn="1"/>
        </p:nvSpPr>
        <p:spPr>
          <a:xfrm>
            <a:off x="9053512" y="0"/>
            <a:ext cx="3138487"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212062" y="7200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212062" y="36068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Title 6">
            <a:extLst>
              <a:ext uri="{FF2B5EF4-FFF2-40B4-BE49-F238E27FC236}">
                <a16:creationId xmlns:a16="http://schemas.microsoft.com/office/drawing/2014/main" id="{97D0E8A7-F71B-DA02-9636-65342A59D178}"/>
              </a:ext>
            </a:extLst>
          </p:cNvPr>
          <p:cNvSpPr>
            <a:spLocks noGrp="1"/>
          </p:cNvSpPr>
          <p:nvPr>
            <p:ph type="title"/>
          </p:nvPr>
        </p:nvSpPr>
        <p:spPr>
          <a:xfrm>
            <a:off x="719138" y="719999"/>
            <a:ext cx="2416913" cy="2529613"/>
          </a:xfrm>
        </p:spPr>
        <p:txBody>
          <a:bodyPr/>
          <a:lstStyle/>
          <a:p>
            <a:r>
              <a:rPr lang="en-US" dirty="0"/>
              <a:t>Click to edit Master title style</a:t>
            </a:r>
            <a:endParaRPr lang="en-GB" dirty="0"/>
          </a:p>
        </p:txBody>
      </p:sp>
      <p:sp>
        <p:nvSpPr>
          <p:cNvPr id="8" name="Content Placeholder 3">
            <a:extLst>
              <a:ext uri="{FF2B5EF4-FFF2-40B4-BE49-F238E27FC236}">
                <a16:creationId xmlns:a16="http://schemas.microsoft.com/office/drawing/2014/main" id="{0439221F-1453-B601-B3A1-2760F20CC76B}"/>
              </a:ext>
            </a:extLst>
          </p:cNvPr>
          <p:cNvSpPr>
            <a:spLocks noGrp="1"/>
          </p:cNvSpPr>
          <p:nvPr>
            <p:ph sz="quarter" idx="14" hasCustomPrompt="1"/>
          </p:nvPr>
        </p:nvSpPr>
        <p:spPr>
          <a:xfrm>
            <a:off x="719138" y="3606800"/>
            <a:ext cx="2416175" cy="2530475"/>
          </a:xfrm>
        </p:spPr>
        <p:txBody>
          <a:bodyPr/>
          <a:lstStyle>
            <a:lvl1pPr>
              <a:defRPr sz="4000" cap="all" baseline="0">
                <a:solidFill>
                  <a:srgbClr val="9EC3E1"/>
                </a:solidFill>
              </a:defRPr>
            </a:lvl1pPr>
          </a:lstStyle>
          <a:p>
            <a:pPr lvl="0"/>
            <a:r>
              <a:rPr lang="en-US" dirty="0"/>
              <a:t>Callout or stat</a:t>
            </a:r>
            <a:endParaRPr lang="en-GB" dirty="0"/>
          </a:p>
        </p:txBody>
      </p:sp>
      <p:sp>
        <p:nvSpPr>
          <p:cNvPr id="5" name="Footers" descr="{&quot;templafy&quot;:{&quot;id&quot;:&quot;802c32aa-2e79-485b-8fd7-9e826bb7a9c4&quot;}}">
            <a:extLst>
              <a:ext uri="{FF2B5EF4-FFF2-40B4-BE49-F238E27FC236}">
                <a16:creationId xmlns:a16="http://schemas.microsoft.com/office/drawing/2014/main" id="{EDC4708C-CD54-B7F2-D805-7C44F6F2B07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979422915"/>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C with Confidential Statement">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C753663D-E098-B93B-3E15-3DB8D2D8F89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 xmlns:asvg="http://schemas.microsoft.com/office/drawing/2016/SVG/main" r:embed="rId4"/>
              </a:ext>
            </a:extLst>
          </a:blip>
          <a:stretch>
            <a:fillRect/>
          </a:stretch>
        </p:blipFill>
        <p:spPr>
          <a:xfrm>
            <a:off x="6585504" y="719138"/>
            <a:ext cx="4885771" cy="5605380"/>
          </a:xfrm>
          <a:prstGeom prst="rect">
            <a:avLst/>
          </a:prstGeom>
        </p:spPr>
      </p:pic>
      <p:sp>
        <p:nvSpPr>
          <p:cNvPr id="16" name="Rectangle 15">
            <a:extLst>
              <a:ext uri="{FF2B5EF4-FFF2-40B4-BE49-F238E27FC236}">
                <a16:creationId xmlns:a16="http://schemas.microsoft.com/office/drawing/2014/main" id="{5D5AB2CE-B33D-1B37-2E06-5DF32D905889}"/>
              </a:ext>
            </a:extLst>
          </p:cNvPr>
          <p:cNvSpPr/>
          <p:nvPr userDrawn="1"/>
        </p:nvSpPr>
        <p:spPr>
          <a:xfrm rot="10800000">
            <a:off x="0" y="1"/>
            <a:ext cx="12178055" cy="5557138"/>
          </a:xfrm>
          <a:prstGeom prst="rect">
            <a:avLst/>
          </a:prstGeom>
          <a:gradFill flip="none" rotWithShape="1">
            <a:gsLst>
              <a:gs pos="100000">
                <a:schemeClr val="accent3"/>
              </a:gs>
              <a:gs pos="0">
                <a:schemeClr val="accent1">
                  <a:alpha val="0"/>
                </a:schemeClr>
              </a:gs>
              <a:gs pos="71000">
                <a:srgbClr val="15417F"/>
              </a:gs>
              <a:gs pos="51000">
                <a:schemeClr val="accent1">
                  <a:alpha val="90000"/>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dirty="0" err="1">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015152"/>
            <a:ext cx="10733505" cy="1296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60055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4941020"/>
            <a:ext cx="5195025" cy="180000"/>
          </a:xfrm>
        </p:spPr>
        <p:txBody>
          <a:bodyPr/>
          <a:lstStyle>
            <a:lvl1pPr>
              <a:defRPr sz="1000">
                <a:solidFill>
                  <a:schemeClr val="bg1"/>
                </a:solidFill>
              </a:defRPr>
            </a:lvl1pPr>
          </a:lstStyle>
          <a:p>
            <a:fld id="{2555C37E-A1C6-4459-9E67-8F853AD043DA}" type="datetime4">
              <a:rPr lang="en-US" smtClean="0"/>
              <a:pPr/>
              <a:t>July 7,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37974633" name="Picture 5" descr="{&quot;templafy&quot;:{&quot;id&quot;:&quot;539ce546-0ecd-4010-9fa9-987f56adaa25&quot;}}"/>
          <p:cNvPicPr>
            <a:picLocks noChangeAspect="1"/>
          </p:cNvPicPr>
          <p:nvPr/>
        </p:nvPicPr>
        <p:blipFill>
          <a:blip r:embed="rId5"/>
          <a:stretch>
            <a:fillRect/>
          </a:stretch>
        </p:blipFill>
        <p:spPr>
          <a:xfrm>
            <a:off x="737770" y="702906"/>
            <a:ext cx="4322438" cy="725487"/>
          </a:xfrm>
          <a:prstGeom prst="rect">
            <a:avLst/>
          </a:prstGeom>
        </p:spPr>
      </p:pic>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448192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4706499"/>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8" name="Rectangle 7">
            <a:extLst>
              <a:ext uri="{FF2B5EF4-FFF2-40B4-BE49-F238E27FC236}">
                <a16:creationId xmlns:a16="http://schemas.microsoft.com/office/drawing/2014/main" id="{F31A22EB-BD03-D54C-510B-9450ECC7F9DD}"/>
              </a:ext>
            </a:extLst>
          </p:cNvPr>
          <p:cNvSpPr/>
          <p:nvPr userDrawn="1"/>
        </p:nvSpPr>
        <p:spPr bwMode="auto">
          <a:xfrm>
            <a:off x="0" y="5566321"/>
            <a:ext cx="12192000" cy="1295400"/>
          </a:xfrm>
          <a:prstGeom prst="rect">
            <a:avLst/>
          </a:prstGeom>
          <a:solidFill>
            <a:schemeClr val="bg1">
              <a:lumMod val="95000"/>
            </a:scheme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11" name="Line top Placeholder 20">
            <a:extLst>
              <a:ext uri="{FF2B5EF4-FFF2-40B4-BE49-F238E27FC236}">
                <a16:creationId xmlns:a16="http://schemas.microsoft.com/office/drawing/2014/main" id="{BDD14DD9-CE12-CB1D-F34C-E1CF891B53B2}"/>
              </a:ext>
            </a:extLst>
          </p:cNvPr>
          <p:cNvSpPr>
            <a:spLocks noGrp="1"/>
          </p:cNvSpPr>
          <p:nvPr>
            <p:ph type="body" sz="quarter" idx="27" hasCustomPrompt="1"/>
          </p:nvPr>
        </p:nvSpPr>
        <p:spPr>
          <a:xfrm>
            <a:off x="0" y="5530321"/>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4" name="Content Placeholder 2">
            <a:extLst>
              <a:ext uri="{FF2B5EF4-FFF2-40B4-BE49-F238E27FC236}">
                <a16:creationId xmlns:a16="http://schemas.microsoft.com/office/drawing/2014/main" id="{411FCB7A-8CF2-FF56-27FD-1990B8CFF15A}"/>
              </a:ext>
            </a:extLst>
          </p:cNvPr>
          <p:cNvSpPr txBox="1">
            <a:spLocks/>
          </p:cNvSpPr>
          <p:nvPr userDrawn="1"/>
        </p:nvSpPr>
        <p:spPr>
          <a:xfrm>
            <a:off x="635001" y="6139752"/>
            <a:ext cx="10827546" cy="271145"/>
          </a:xfrm>
          <a:prstGeom prst="rect">
            <a:avLst/>
          </a:prstGeom>
        </p:spPr>
        <p:txBody>
          <a:bodyPr/>
          <a:lstStyle>
            <a:lvl1pPr marL="136800" indent="-136800" algn="l" defTabSz="914400" rtl="0" eaLnBrk="1" latinLnBrk="0" hangingPunct="1">
              <a:lnSpc>
                <a:spcPct val="100000"/>
              </a:lnSpc>
              <a:spcBef>
                <a:spcPts val="600"/>
              </a:spcBef>
              <a:spcAft>
                <a:spcPts val="0"/>
              </a:spcAft>
              <a:buClr>
                <a:schemeClr val="accent3"/>
              </a:buClr>
              <a:buFont typeface="Calibri Light" panose="020F0302020204030204" pitchFamily="34" charset="0"/>
              <a:buChar char="•"/>
              <a:defRPr sz="1800" kern="1200">
                <a:solidFill>
                  <a:schemeClr val="accent1"/>
                </a:solidFill>
                <a:latin typeface="+mj-lt"/>
                <a:ea typeface="+mn-ea"/>
                <a:cs typeface="+mn-cs"/>
              </a:defRPr>
            </a:lvl1pPr>
            <a:lvl2pPr marL="273600" indent="-136800" algn="l" defTabSz="914400" rtl="0" eaLnBrk="1" latinLnBrk="0" hangingPunct="1">
              <a:lnSpc>
                <a:spcPct val="100000"/>
              </a:lnSpc>
              <a:spcBef>
                <a:spcPts val="400"/>
              </a:spcBef>
              <a:spcAft>
                <a:spcPts val="100"/>
              </a:spcAft>
              <a:buClr>
                <a:srgbClr val="9EC3E1"/>
              </a:buClr>
              <a:buFont typeface="Calibri Light" panose="020F0302020204030204" pitchFamily="34" charset="0"/>
              <a:buChar char="•"/>
              <a:defRPr sz="1600" kern="1200">
                <a:solidFill>
                  <a:schemeClr val="accent1"/>
                </a:solidFill>
                <a:latin typeface="+mj-lt"/>
                <a:ea typeface="+mn-ea"/>
                <a:cs typeface="+mn-cs"/>
              </a:defRPr>
            </a:lvl2pPr>
            <a:lvl3pPr marL="410400" indent="-136800" algn="l" defTabSz="914400" rtl="0" eaLnBrk="1" latinLnBrk="0" hangingPunct="1">
              <a:lnSpc>
                <a:spcPct val="90000"/>
              </a:lnSpc>
              <a:spcBef>
                <a:spcPts val="400"/>
              </a:spcBef>
              <a:spcAft>
                <a:spcPts val="200"/>
              </a:spcAft>
              <a:buFont typeface="Calibri Light" panose="020F0302020204030204" pitchFamily="34" charset="0"/>
              <a:buChar char="•"/>
              <a:defRPr sz="1600" kern="1200">
                <a:solidFill>
                  <a:schemeClr val="accent1"/>
                </a:solidFill>
                <a:latin typeface="+mj-lt"/>
                <a:ea typeface="+mn-ea"/>
                <a:cs typeface="+mn-cs"/>
              </a:defRPr>
            </a:lvl3pPr>
            <a:lvl4pPr marL="0" indent="0" algn="l" defTabSz="914400" rtl="0" eaLnBrk="1" latinLnBrk="0" hangingPunct="1">
              <a:lnSpc>
                <a:spcPct val="100000"/>
              </a:lnSpc>
              <a:spcBef>
                <a:spcPts val="1200"/>
              </a:spcBef>
              <a:spcAft>
                <a:spcPts val="300"/>
              </a:spcAft>
              <a:buFont typeface="Calibri Light" panose="020F0302020204030204" pitchFamily="34" charset="0"/>
              <a:buChar char="​"/>
              <a:defRPr sz="2800" b="1" kern="1200" cap="all" spc="200" baseline="0">
                <a:solidFill>
                  <a:schemeClr val="accent3"/>
                </a:solidFill>
                <a:latin typeface="+mn-lt"/>
                <a:ea typeface="+mn-ea"/>
                <a:cs typeface="+mn-cs"/>
              </a:defRPr>
            </a:lvl4pPr>
            <a:lvl5pPr marL="0" indent="0" algn="l" defTabSz="914400" rtl="0" eaLnBrk="1" latinLnBrk="0" hangingPunct="1">
              <a:lnSpc>
                <a:spcPct val="100000"/>
              </a:lnSpc>
              <a:spcBef>
                <a:spcPts val="0"/>
              </a:spcBef>
              <a:spcAft>
                <a:spcPts val="1200"/>
              </a:spcAft>
              <a:buFont typeface="Calibri Light" panose="020F0302020204030204" pitchFamily="34" charset="0"/>
              <a:buChar char="​"/>
              <a:tabLst/>
              <a:defRPr sz="1800" kern="1200">
                <a:solidFill>
                  <a:schemeClr val="accent1"/>
                </a:solidFill>
                <a:latin typeface="+mj-lt"/>
                <a:ea typeface="+mn-ea"/>
                <a:cs typeface="+mn-cs"/>
              </a:defRPr>
            </a:lvl5pPr>
            <a:lvl6pPr marL="0" indent="0" algn="l" defTabSz="914400" rtl="0" eaLnBrk="1" latinLnBrk="0" hangingPunct="1">
              <a:lnSpc>
                <a:spcPct val="100000"/>
              </a:lnSpc>
              <a:spcBef>
                <a:spcPts val="1200"/>
              </a:spcBef>
              <a:spcAft>
                <a:spcPts val="200"/>
              </a:spcAft>
              <a:buFont typeface="Berlingske Serif Text Office"/>
              <a:buNone/>
              <a:defRPr sz="1600" b="1" kern="1200" cap="all" spc="180" baseline="0">
                <a:solidFill>
                  <a:schemeClr val="accent1"/>
                </a:solidFill>
                <a:latin typeface="+mn-lt"/>
                <a:ea typeface="+mn-ea"/>
                <a:cs typeface="+mn-cs"/>
              </a:defRPr>
            </a:lvl6pPr>
            <a:lvl7pPr marL="0" marR="0" indent="0" algn="l" defTabSz="914400" rtl="0" eaLnBrk="1" fontAlgn="auto" latinLnBrk="0" hangingPunct="1">
              <a:lnSpc>
                <a:spcPct val="90000"/>
              </a:lnSpc>
              <a:spcBef>
                <a:spcPts val="200"/>
              </a:spcBef>
              <a:spcAft>
                <a:spcPts val="400"/>
              </a:spcAft>
              <a:buClrTx/>
              <a:buSzTx/>
              <a:buFont typeface="Calibri Light" panose="020F0302020204030204" pitchFamily="34" charset="0"/>
              <a:buChar char="​"/>
              <a:tabLst/>
              <a:defRPr sz="1200" b="0" kern="1200" cap="none" spc="0" baseline="0">
                <a:solidFill>
                  <a:schemeClr val="accent1"/>
                </a:solidFill>
                <a:latin typeface="+mn-lt"/>
                <a:ea typeface="+mn-ea"/>
                <a:cs typeface="+mn-cs"/>
              </a:defRPr>
            </a:lvl7pPr>
            <a:lvl8pPr marL="136800" marR="0" indent="-136800" algn="l" defTabSz="914400" rtl="0" eaLnBrk="1" fontAlgn="auto" latinLnBrk="0" hangingPunct="1">
              <a:lnSpc>
                <a:spcPct val="90000"/>
              </a:lnSpc>
              <a:spcBef>
                <a:spcPts val="400"/>
              </a:spcBef>
              <a:spcAft>
                <a:spcPts val="100"/>
              </a:spcAft>
              <a:buClrTx/>
              <a:buSzTx/>
              <a:buFont typeface="Arial" panose="020B0604020202020204" pitchFamily="34" charset="0"/>
              <a:buChar char="•"/>
              <a:tabLst/>
              <a:defRPr sz="1200" kern="1200">
                <a:solidFill>
                  <a:schemeClr val="accent1"/>
                </a:solidFill>
                <a:latin typeface="+mn-lt"/>
                <a:ea typeface="+mn-ea"/>
                <a:cs typeface="+mn-cs"/>
              </a:defRPr>
            </a:lvl8pPr>
            <a:lvl9pPr marL="0" indent="0" algn="l" defTabSz="914400" rtl="0" eaLnBrk="1" latinLnBrk="0" hangingPunct="1">
              <a:lnSpc>
                <a:spcPct val="74000"/>
              </a:lnSpc>
              <a:spcBef>
                <a:spcPts val="1200"/>
              </a:spcBef>
              <a:spcAft>
                <a:spcPts val="1200"/>
              </a:spcAft>
              <a:buFont typeface="Calibri Light" panose="020F0302020204030204" pitchFamily="34" charset="0"/>
              <a:buChar char="​"/>
              <a:defRPr sz="7500" kern="1200" cap="all" baseline="0">
                <a:solidFill>
                  <a:srgbClr val="D8E7F3"/>
                </a:solidFill>
                <a:latin typeface="+mj-lt"/>
                <a:ea typeface="+mn-ea"/>
                <a:cs typeface="+mn-cs"/>
              </a:defRPr>
            </a:lvl9pPr>
          </a:lstStyle>
          <a:p>
            <a:pPr lvl="6"/>
            <a:r>
              <a:rPr lang="en-GB" sz="1000" b="1" dirty="0"/>
              <a:t>CONFIDENTIAL – DO NOT DISTRIBUTE: </a:t>
            </a:r>
            <a:r>
              <a:rPr lang="en-GB" sz="1000" dirty="0"/>
              <a:t>This presentation contains confidential information and is presented only with the understanding that it’s contents and ideas with not be shared with external groups.</a:t>
            </a:r>
          </a:p>
        </p:txBody>
      </p:sp>
    </p:spTree>
    <p:extLst>
      <p:ext uri="{BB962C8B-B14F-4D97-AF65-F5344CB8AC3E}">
        <p14:creationId xmlns:p14="http://schemas.microsoft.com/office/powerpoint/2010/main" val="158287648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74"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HETORICAL Two tex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p:nvPr userDrawn="1"/>
        </p:nvSpPr>
        <p:spPr>
          <a:xfrm>
            <a:off x="6097200" y="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5018400" cy="1774800"/>
          </a:xfrm>
        </p:spPr>
        <p:txBody>
          <a:bodyPr/>
          <a:lstStyle>
            <a:lvl1pPr>
              <a:defRPr b="1">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1" y="2854075"/>
            <a:ext cx="5195885" cy="32832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3" y="2854075"/>
            <a:ext cx="5195887" cy="32832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3">
            <a:extLst>
              <a:ext uri="{FF2B5EF4-FFF2-40B4-BE49-F238E27FC236}">
                <a16:creationId xmlns:a16="http://schemas.microsoft.com/office/drawing/2014/main" id="{DF49F1D1-5694-C367-AC0A-3B106690283C}"/>
              </a:ext>
            </a:extLst>
          </p:cNvPr>
          <p:cNvSpPr>
            <a:spLocks noGrp="1"/>
          </p:cNvSpPr>
          <p:nvPr>
            <p:ph sz="quarter" idx="25" hasCustomPrompt="1"/>
          </p:nvPr>
        </p:nvSpPr>
        <p:spPr>
          <a:xfrm>
            <a:off x="6280801" y="719138"/>
            <a:ext cx="5195885" cy="1775662"/>
          </a:xfrm>
        </p:spPr>
        <p:txBody>
          <a:bodyPr>
            <a:noAutofit/>
          </a:bodyPr>
          <a:lstStyle>
            <a:lvl1pPr marL="0" indent="0">
              <a:lnSpc>
                <a:spcPct val="90000"/>
              </a:lnSpc>
              <a:spcBef>
                <a:spcPts val="1200"/>
              </a:spcBef>
              <a:spcAft>
                <a:spcPts val="1200"/>
              </a:spcAft>
              <a:buFont typeface="Arial" panose="020B0604020202020204" pitchFamily="34" charset="0"/>
              <a:buNone/>
              <a:defRPr sz="4000" b="1" cap="none">
                <a:solidFill>
                  <a:schemeClr val="accent1"/>
                </a:solidFill>
                <a:latin typeface="+mn-lt"/>
              </a:defRPr>
            </a:lvl1pPr>
            <a:lvl2pPr marL="0" indent="0">
              <a:lnSpc>
                <a:spcPct val="90000"/>
              </a:lnSpc>
              <a:spcBef>
                <a:spcPts val="1200"/>
              </a:spcBef>
              <a:spcAft>
                <a:spcPts val="1200"/>
              </a:spcAft>
              <a:buNone/>
              <a:defRPr sz="4000" b="0" cap="none">
                <a:solidFill>
                  <a:schemeClr val="accent2"/>
                </a:solidFill>
                <a:latin typeface="+mn-lt"/>
              </a:defRPr>
            </a:lvl2pPr>
            <a:lvl3pPr marL="0" indent="0">
              <a:lnSpc>
                <a:spcPct val="90000"/>
              </a:lnSpc>
              <a:spcBef>
                <a:spcPts val="1200"/>
              </a:spcBef>
              <a:spcAft>
                <a:spcPts val="1200"/>
              </a:spcAft>
              <a:buNone/>
              <a:defRPr sz="4000" b="0" cap="none">
                <a:solidFill>
                  <a:schemeClr val="accent2"/>
                </a:solidFill>
                <a:latin typeface="+mn-lt"/>
              </a:defRPr>
            </a:lvl3pPr>
            <a:lvl4pPr marL="0" indent="0">
              <a:lnSpc>
                <a:spcPct val="90000"/>
              </a:lnSpc>
              <a:spcBef>
                <a:spcPts val="1200"/>
              </a:spcBef>
              <a:spcAft>
                <a:spcPts val="1200"/>
              </a:spcAft>
              <a:buNone/>
              <a:defRPr sz="4000" b="0" cap="none">
                <a:solidFill>
                  <a:schemeClr val="accent2"/>
                </a:solidFill>
                <a:latin typeface="+mn-lt"/>
              </a:defRPr>
            </a:lvl4pPr>
            <a:lvl5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5pPr>
            <a:lvl6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6pPr>
            <a:lvl7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7pPr>
            <a:lvl8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8pPr>
            <a:lvl9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9pPr>
          </a:lstStyle>
          <a:p>
            <a:pPr lvl="0"/>
            <a:r>
              <a:rPr lang="en-GB" dirty="0"/>
              <a:t>Click to add text</a:t>
            </a:r>
          </a:p>
        </p:txBody>
      </p:sp>
      <p:sp>
        <p:nvSpPr>
          <p:cNvPr id="11" name="Footers" descr="{&quot;templafy&quot;:{&quot;id&quot;:&quot;13974de5-8cef-4d59-abfb-72071ca5e6dc&quot;}}">
            <a:extLst>
              <a:ext uri="{FF2B5EF4-FFF2-40B4-BE49-F238E27FC236}">
                <a16:creationId xmlns:a16="http://schemas.microsoft.com/office/drawing/2014/main" id="{82A8297C-CDDC-2966-C397-33725EE8D10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890766016"/>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1570"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7"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1797"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03C7688E-2109-B3A6-BB30-ED06B927D9A2}"/>
              </a:ext>
            </a:extLst>
          </p:cNvPr>
          <p:cNvSpPr>
            <a:spLocks noGrp="1"/>
          </p:cNvSpPr>
          <p:nvPr>
            <p:ph type="pic" sz="quarter" idx="25"/>
          </p:nvPr>
        </p:nvSpPr>
        <p:spPr>
          <a:xfrm>
            <a:off x="6094801" y="0"/>
            <a:ext cx="6097200" cy="6858000"/>
          </a:xfrm>
          <a:solidFill>
            <a:schemeClr val="accent6"/>
          </a:solidFill>
        </p:spPr>
        <p:txBody>
          <a:bodyPr tIns="648000" anchor="ctr" anchorCtr="0"/>
          <a:lstStyle>
            <a:lvl1pPr algn="ctr">
              <a:defRPr/>
            </a:lvl1pPr>
          </a:lstStyle>
          <a:p>
            <a:r>
              <a:rPr lang="en-GB" dirty="0"/>
              <a:t>Click icon to add picture</a:t>
            </a:r>
          </a:p>
        </p:txBody>
      </p:sp>
      <p:sp>
        <p:nvSpPr>
          <p:cNvPr id="5" name="Rectangle 4">
            <a:extLst>
              <a:ext uri="{FF2B5EF4-FFF2-40B4-BE49-F238E27FC236}">
                <a16:creationId xmlns:a16="http://schemas.microsoft.com/office/drawing/2014/main" id="{B6A4BFA0-E5C7-13E3-03EC-DC785E3CB148}"/>
              </a:ext>
            </a:extLst>
          </p:cNvPr>
          <p:cNvSpPr/>
          <p:nvPr userDrawn="1"/>
        </p:nvSpPr>
        <p:spPr>
          <a:xfrm>
            <a:off x="0" y="0"/>
            <a:ext cx="6094800" cy="6858000"/>
          </a:xfrm>
          <a:prstGeom prst="rect">
            <a:avLst/>
          </a:prstGeom>
          <a:gradFill>
            <a:gsLst>
              <a:gs pos="38000">
                <a:srgbClr val="D8E7F3"/>
              </a:gs>
              <a:gs pos="100000">
                <a:schemeClr val="bg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Freeform: Shape 11">
            <a:extLst>
              <a:ext uri="{FF2B5EF4-FFF2-40B4-BE49-F238E27FC236}">
                <a16:creationId xmlns:a16="http://schemas.microsoft.com/office/drawing/2014/main" id="{964E4448-A264-7659-B7F9-D4E3F0409CEF}"/>
              </a:ext>
            </a:extLst>
          </p:cNvPr>
          <p:cNvSpPr/>
          <p:nvPr userDrawn="1"/>
        </p:nvSpPr>
        <p:spPr>
          <a:xfrm>
            <a:off x="719138" y="1150830"/>
            <a:ext cx="698644" cy="535303"/>
          </a:xfrm>
          <a:custGeom>
            <a:avLst/>
            <a:gdLst>
              <a:gd name="connsiteX0" fmla="*/ 772947 w 828408"/>
              <a:gd name="connsiteY0" fmla="*/ 0 h 634729"/>
              <a:gd name="connsiteX1" fmla="*/ 772947 w 828408"/>
              <a:gd name="connsiteY1" fmla="*/ 50532 h 634729"/>
              <a:gd name="connsiteX2" fmla="*/ 617654 w 828408"/>
              <a:gd name="connsiteY2" fmla="*/ 168850 h 634729"/>
              <a:gd name="connsiteX3" fmla="*/ 570819 w 828408"/>
              <a:gd name="connsiteY3" fmla="*/ 303191 h 634729"/>
              <a:gd name="connsiteX4" fmla="*/ 583144 w 828408"/>
              <a:gd name="connsiteY4" fmla="*/ 362350 h 634729"/>
              <a:gd name="connsiteX5" fmla="*/ 610259 w 828408"/>
              <a:gd name="connsiteY5" fmla="*/ 379605 h 634729"/>
              <a:gd name="connsiteX6" fmla="*/ 653396 w 828408"/>
              <a:gd name="connsiteY6" fmla="*/ 370361 h 634729"/>
              <a:gd name="connsiteX7" fmla="*/ 702695 w 828408"/>
              <a:gd name="connsiteY7" fmla="*/ 361118 h 634729"/>
              <a:gd name="connsiteX8" fmla="*/ 790818 w 828408"/>
              <a:gd name="connsiteY8" fmla="*/ 398709 h 634729"/>
              <a:gd name="connsiteX9" fmla="*/ 828408 w 828408"/>
              <a:gd name="connsiteY9" fmla="*/ 490529 h 634729"/>
              <a:gd name="connsiteX10" fmla="*/ 782806 w 828408"/>
              <a:gd name="connsiteY10" fmla="*/ 592208 h 634729"/>
              <a:gd name="connsiteX11" fmla="*/ 669418 w 828408"/>
              <a:gd name="connsiteY11" fmla="*/ 634729 h 634729"/>
              <a:gd name="connsiteX12" fmla="*/ 520288 w 828408"/>
              <a:gd name="connsiteY12" fmla="*/ 563245 h 634729"/>
              <a:gd name="connsiteX13" fmla="*/ 453733 w 828408"/>
              <a:gd name="connsiteY13" fmla="*/ 387000 h 634729"/>
              <a:gd name="connsiteX14" fmla="*/ 535694 w 828408"/>
              <a:gd name="connsiteY14" fmla="*/ 157142 h 634729"/>
              <a:gd name="connsiteX15" fmla="*/ 772947 w 828408"/>
              <a:gd name="connsiteY15" fmla="*/ 0 h 634729"/>
              <a:gd name="connsiteX16" fmla="*/ 319214 w 828408"/>
              <a:gd name="connsiteY16" fmla="*/ 0 h 634729"/>
              <a:gd name="connsiteX17" fmla="*/ 319214 w 828408"/>
              <a:gd name="connsiteY17" fmla="*/ 50532 h 634729"/>
              <a:gd name="connsiteX18" fmla="*/ 163921 w 828408"/>
              <a:gd name="connsiteY18" fmla="*/ 168850 h 634729"/>
              <a:gd name="connsiteX19" fmla="*/ 117086 w 828408"/>
              <a:gd name="connsiteY19" fmla="*/ 303191 h 634729"/>
              <a:gd name="connsiteX20" fmla="*/ 129411 w 828408"/>
              <a:gd name="connsiteY20" fmla="*/ 362350 h 634729"/>
              <a:gd name="connsiteX21" fmla="*/ 156526 w 828408"/>
              <a:gd name="connsiteY21" fmla="*/ 379605 h 634729"/>
              <a:gd name="connsiteX22" fmla="*/ 199663 w 828408"/>
              <a:gd name="connsiteY22" fmla="*/ 370361 h 634729"/>
              <a:gd name="connsiteX23" fmla="*/ 248962 w 828408"/>
              <a:gd name="connsiteY23" fmla="*/ 361118 h 634729"/>
              <a:gd name="connsiteX24" fmla="*/ 337085 w 828408"/>
              <a:gd name="connsiteY24" fmla="*/ 398709 h 634729"/>
              <a:gd name="connsiteX25" fmla="*/ 374675 w 828408"/>
              <a:gd name="connsiteY25" fmla="*/ 490529 h 634729"/>
              <a:gd name="connsiteX26" fmla="*/ 329073 w 828408"/>
              <a:gd name="connsiteY26" fmla="*/ 592208 h 634729"/>
              <a:gd name="connsiteX27" fmla="*/ 215685 w 828408"/>
              <a:gd name="connsiteY27" fmla="*/ 634729 h 634729"/>
              <a:gd name="connsiteX28" fmla="*/ 66555 w 828408"/>
              <a:gd name="connsiteY28" fmla="*/ 563245 h 634729"/>
              <a:gd name="connsiteX29" fmla="*/ 0 w 828408"/>
              <a:gd name="connsiteY29" fmla="*/ 387000 h 634729"/>
              <a:gd name="connsiteX30" fmla="*/ 81961 w 828408"/>
              <a:gd name="connsiteY30" fmla="*/ 157142 h 634729"/>
              <a:gd name="connsiteX31" fmla="*/ 319214 w 828408"/>
              <a:gd name="connsiteY31" fmla="*/ 0 h 634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8408" h="634729">
                <a:moveTo>
                  <a:pt x="772947" y="0"/>
                </a:moveTo>
                <a:lnTo>
                  <a:pt x="772947" y="50532"/>
                </a:lnTo>
                <a:cubicBezTo>
                  <a:pt x="700641" y="88328"/>
                  <a:pt x="648877" y="127768"/>
                  <a:pt x="617654" y="168850"/>
                </a:cubicBezTo>
                <a:cubicBezTo>
                  <a:pt x="586431" y="209933"/>
                  <a:pt x="570819" y="254713"/>
                  <a:pt x="570819" y="303191"/>
                </a:cubicBezTo>
                <a:cubicBezTo>
                  <a:pt x="570819" y="331949"/>
                  <a:pt x="574928" y="351669"/>
                  <a:pt x="583144" y="362350"/>
                </a:cubicBezTo>
                <a:cubicBezTo>
                  <a:pt x="590539" y="373854"/>
                  <a:pt x="599577" y="379605"/>
                  <a:pt x="610259" y="379605"/>
                </a:cubicBezTo>
                <a:cubicBezTo>
                  <a:pt x="620940" y="379605"/>
                  <a:pt x="635319" y="376524"/>
                  <a:pt x="653396" y="370361"/>
                </a:cubicBezTo>
                <a:cubicBezTo>
                  <a:pt x="671472" y="364199"/>
                  <a:pt x="687905" y="361118"/>
                  <a:pt x="702695" y="361118"/>
                </a:cubicBezTo>
                <a:cubicBezTo>
                  <a:pt x="736383" y="361118"/>
                  <a:pt x="765757" y="373648"/>
                  <a:pt x="790818" y="398709"/>
                </a:cubicBezTo>
                <a:cubicBezTo>
                  <a:pt x="815878" y="423769"/>
                  <a:pt x="828408" y="454376"/>
                  <a:pt x="828408" y="490529"/>
                </a:cubicBezTo>
                <a:cubicBezTo>
                  <a:pt x="828408" y="529968"/>
                  <a:pt x="813208" y="563861"/>
                  <a:pt x="782806" y="592208"/>
                </a:cubicBezTo>
                <a:cubicBezTo>
                  <a:pt x="752405" y="620555"/>
                  <a:pt x="714609" y="634729"/>
                  <a:pt x="669418" y="634729"/>
                </a:cubicBezTo>
                <a:cubicBezTo>
                  <a:pt x="614367" y="634729"/>
                  <a:pt x="564657" y="610901"/>
                  <a:pt x="520288" y="563245"/>
                </a:cubicBezTo>
                <a:cubicBezTo>
                  <a:pt x="475918" y="515589"/>
                  <a:pt x="453733" y="456841"/>
                  <a:pt x="453733" y="387000"/>
                </a:cubicBezTo>
                <a:cubicBezTo>
                  <a:pt x="453733" y="304834"/>
                  <a:pt x="481053" y="228215"/>
                  <a:pt x="535694" y="157142"/>
                </a:cubicBezTo>
                <a:cubicBezTo>
                  <a:pt x="590334" y="86069"/>
                  <a:pt x="669418" y="33688"/>
                  <a:pt x="772947" y="0"/>
                </a:cubicBezTo>
                <a:close/>
                <a:moveTo>
                  <a:pt x="319214" y="0"/>
                </a:moveTo>
                <a:lnTo>
                  <a:pt x="319214" y="50532"/>
                </a:lnTo>
                <a:cubicBezTo>
                  <a:pt x="246908" y="88328"/>
                  <a:pt x="195144" y="127768"/>
                  <a:pt x="163921" y="168850"/>
                </a:cubicBezTo>
                <a:cubicBezTo>
                  <a:pt x="132698" y="209933"/>
                  <a:pt x="117086" y="254713"/>
                  <a:pt x="117086" y="303191"/>
                </a:cubicBezTo>
                <a:cubicBezTo>
                  <a:pt x="117086" y="331949"/>
                  <a:pt x="121195" y="351669"/>
                  <a:pt x="129411" y="362350"/>
                </a:cubicBezTo>
                <a:cubicBezTo>
                  <a:pt x="136806" y="373854"/>
                  <a:pt x="145844" y="379605"/>
                  <a:pt x="156526" y="379605"/>
                </a:cubicBezTo>
                <a:cubicBezTo>
                  <a:pt x="167207" y="379605"/>
                  <a:pt x="181586" y="376524"/>
                  <a:pt x="199663" y="370361"/>
                </a:cubicBezTo>
                <a:cubicBezTo>
                  <a:pt x="217739" y="364199"/>
                  <a:pt x="234172" y="361118"/>
                  <a:pt x="248962" y="361118"/>
                </a:cubicBezTo>
                <a:cubicBezTo>
                  <a:pt x="282650" y="361118"/>
                  <a:pt x="312024" y="373648"/>
                  <a:pt x="337085" y="398709"/>
                </a:cubicBezTo>
                <a:cubicBezTo>
                  <a:pt x="362145" y="423769"/>
                  <a:pt x="374675" y="454376"/>
                  <a:pt x="374675" y="490529"/>
                </a:cubicBezTo>
                <a:cubicBezTo>
                  <a:pt x="374675" y="529968"/>
                  <a:pt x="359475" y="563861"/>
                  <a:pt x="329073" y="592208"/>
                </a:cubicBezTo>
                <a:cubicBezTo>
                  <a:pt x="298672" y="620555"/>
                  <a:pt x="260876" y="634729"/>
                  <a:pt x="215685" y="634729"/>
                </a:cubicBezTo>
                <a:cubicBezTo>
                  <a:pt x="160634" y="634729"/>
                  <a:pt x="110924" y="610901"/>
                  <a:pt x="66555" y="563245"/>
                </a:cubicBezTo>
                <a:cubicBezTo>
                  <a:pt x="22185" y="515589"/>
                  <a:pt x="0" y="456841"/>
                  <a:pt x="0" y="387000"/>
                </a:cubicBezTo>
                <a:cubicBezTo>
                  <a:pt x="0" y="304834"/>
                  <a:pt x="27320" y="228215"/>
                  <a:pt x="81961" y="157142"/>
                </a:cubicBezTo>
                <a:cubicBezTo>
                  <a:pt x="136601" y="86069"/>
                  <a:pt x="215685" y="33688"/>
                  <a:pt x="319214" y="0"/>
                </a:cubicBezTo>
                <a:close/>
              </a:path>
            </a:pathLst>
          </a:custGeom>
          <a:solidFill>
            <a:schemeClr val="bg1">
              <a:alpha val="92631"/>
            </a:schemeClr>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nSpc>
                <a:spcPct val="70000"/>
              </a:lnSpc>
              <a:spcBef>
                <a:spcPct val="0"/>
              </a:spcBef>
            </a:pPr>
            <a:endParaRPr lang="en-US" sz="19900" cap="all" spc="200">
              <a:solidFill>
                <a:schemeClr val="accent3">
                  <a:lumMod val="60000"/>
                  <a:lumOff val="40000"/>
                  <a:alpha val="51000"/>
                </a:schemeClr>
              </a:solidFill>
              <a:latin typeface="Calibri Light" panose="020F0302020204030204" pitchFamily="34" charset="0"/>
              <a:ea typeface="+mj-ea"/>
              <a:cs typeface="Calibri Light" panose="020F0302020204030204" pitchFamily="34" charset="0"/>
            </a:endParaRPr>
          </a:p>
        </p:txBody>
      </p:sp>
      <p:sp>
        <p:nvSpPr>
          <p:cNvPr id="15" name="Text Placeholder 14">
            <a:extLst>
              <a:ext uri="{FF2B5EF4-FFF2-40B4-BE49-F238E27FC236}">
                <a16:creationId xmlns:a16="http://schemas.microsoft.com/office/drawing/2014/main" id="{DC43D0F9-D9A7-1DFC-34B6-C81535D1FE71}"/>
              </a:ext>
            </a:extLst>
          </p:cNvPr>
          <p:cNvSpPr>
            <a:spLocks noGrp="1"/>
          </p:cNvSpPr>
          <p:nvPr>
            <p:ph type="body" sz="quarter" idx="26" hasCustomPrompt="1"/>
          </p:nvPr>
        </p:nvSpPr>
        <p:spPr>
          <a:xfrm>
            <a:off x="720000" y="1713599"/>
            <a:ext cx="5018400" cy="4424399"/>
          </a:xfrm>
        </p:spPr>
        <p:txBody>
          <a:bodyPr>
            <a:noAutofit/>
          </a:bodyPr>
          <a:lstStyle>
            <a:lvl1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1pPr>
            <a:lvl2pPr marL="0" indent="0">
              <a:lnSpc>
                <a:spcPct val="150000"/>
              </a:lnSpc>
              <a:spcBef>
                <a:spcPts val="250"/>
              </a:spcBef>
              <a:spcAft>
                <a:spcPts val="0"/>
              </a:spcAft>
              <a:buNone/>
              <a:defRPr sz="2000" b="0" cap="all">
                <a:solidFill>
                  <a:schemeClr val="accent1"/>
                </a:solidFill>
                <a:latin typeface="+mn-lt"/>
              </a:defRPr>
            </a:lvl2pPr>
            <a:lvl3pPr marL="0" indent="0">
              <a:lnSpc>
                <a:spcPct val="150000"/>
              </a:lnSpc>
              <a:spcBef>
                <a:spcPts val="250"/>
              </a:spcBef>
              <a:spcAft>
                <a:spcPts val="0"/>
              </a:spcAft>
              <a:buNone/>
              <a:defRPr sz="2000" b="0" cap="all">
                <a:solidFill>
                  <a:schemeClr val="accent1"/>
                </a:solidFill>
                <a:latin typeface="+mn-lt"/>
              </a:defRPr>
            </a:lvl3pPr>
            <a:lvl4pPr marL="0" indent="0">
              <a:lnSpc>
                <a:spcPct val="150000"/>
              </a:lnSpc>
              <a:spcBef>
                <a:spcPts val="250"/>
              </a:spcBef>
              <a:spcAft>
                <a:spcPts val="0"/>
              </a:spcAft>
              <a:buNone/>
              <a:defRPr sz="2000" b="0" cap="all">
                <a:solidFill>
                  <a:schemeClr val="accent1"/>
                </a:solidFill>
                <a:latin typeface="+mn-lt"/>
              </a:defRPr>
            </a:lvl4pPr>
            <a:lvl5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5pPr>
            <a:lvl6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6pPr>
            <a:lvl7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7pPr>
            <a:lvl8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8pPr>
            <a:lvl9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9pPr>
          </a:lstStyle>
          <a:p>
            <a:pPr lvl="0"/>
            <a:r>
              <a:rPr lang="en-US" dirty="0"/>
              <a:t>Click to add Quote</a:t>
            </a:r>
            <a:endParaRPr lang="en-GB" dirty="0"/>
          </a:p>
        </p:txBody>
      </p:sp>
      <p:sp>
        <p:nvSpPr>
          <p:cNvPr id="16" name="Text Placeholder 14">
            <a:extLst>
              <a:ext uri="{FF2B5EF4-FFF2-40B4-BE49-F238E27FC236}">
                <a16:creationId xmlns:a16="http://schemas.microsoft.com/office/drawing/2014/main" id="{F1E71275-5CC0-6348-59EF-6E51946B9E52}"/>
              </a:ext>
            </a:extLst>
          </p:cNvPr>
          <p:cNvSpPr>
            <a:spLocks noGrp="1"/>
          </p:cNvSpPr>
          <p:nvPr>
            <p:ph type="body" sz="quarter" idx="27" hasCustomPrompt="1"/>
          </p:nvPr>
        </p:nvSpPr>
        <p:spPr>
          <a:xfrm>
            <a:off x="6094800" y="4618075"/>
            <a:ext cx="6097199" cy="1519200"/>
          </a:xfrm>
          <a:solidFill>
            <a:schemeClr val="bg1"/>
          </a:solidFill>
        </p:spPr>
        <p:txBody>
          <a:bodyPr lIns="360000" tIns="180000" rIns="360000" bIns="180000"/>
          <a:lstStyle>
            <a:lvl5pPr>
              <a:defRPr/>
            </a:lvl5p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endParaRPr lang="en-GB" dirty="0"/>
          </a:p>
        </p:txBody>
      </p:sp>
      <p:sp>
        <p:nvSpPr>
          <p:cNvPr id="6" name="Footers" descr="{&quot;templafy&quot;:{&quot;id&quot;:&quot;4708fec4-619c-41a6-a13a-61ee0ada3da4&quot;}}">
            <a:extLst>
              <a:ext uri="{FF2B5EF4-FFF2-40B4-BE49-F238E27FC236}">
                <a16:creationId xmlns:a16="http://schemas.microsoft.com/office/drawing/2014/main" id="{D09B7859-4BFA-0D77-C7FF-EF07F041045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2646066893"/>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1F76F6AE-16AC-0583-7B95-974948C87A5D}"/>
              </a:ext>
            </a:extLst>
          </p:cNvPr>
          <p:cNvPicPr>
            <a:picLocks noChangeAspect="1"/>
          </p:cNvPicPr>
          <p:nvPr userDrawn="1"/>
        </p:nvPicPr>
        <p:blipFill rotWithShape="1">
          <a:blip r:embed="rId3"/>
          <a:srcRect r="9770"/>
          <a:stretch/>
        </p:blipFill>
        <p:spPr>
          <a:xfrm>
            <a:off x="5219862" y="1519416"/>
            <a:ext cx="2534277" cy="4913784"/>
          </a:xfrm>
          <a:prstGeom prst="rect">
            <a:avLst/>
          </a:prstGeom>
        </p:spPr>
      </p:pic>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536800" y="2898000"/>
            <a:ext cx="1900800" cy="1900800"/>
          </a:xfrm>
          <a:solidFill>
            <a:schemeClr val="accent6"/>
          </a:solidFill>
        </p:spPr>
        <p:txBody>
          <a:bodyPr tIns="648000" anchor="ctr" anchorCtr="0"/>
          <a:lstStyle>
            <a:lvl1pPr algn="ctr">
              <a:defRPr/>
            </a:lvl1pPr>
          </a:lstStyle>
          <a:p>
            <a:endParaRPr lang="en-GB" dirty="0"/>
          </a:p>
        </p:txBody>
      </p:sp>
      <p:sp>
        <p:nvSpPr>
          <p:cNvPr id="11" name="Picture Placeholder 9">
            <a:extLst>
              <a:ext uri="{FF2B5EF4-FFF2-40B4-BE49-F238E27FC236}">
                <a16:creationId xmlns:a16="http://schemas.microsoft.com/office/drawing/2014/main" id="{70E6DDC2-540A-5800-73D7-E95E8BC5AAB0}"/>
              </a:ext>
            </a:extLst>
          </p:cNvPr>
          <p:cNvSpPr>
            <a:spLocks noGrp="1"/>
          </p:cNvSpPr>
          <p:nvPr>
            <p:ph type="pic" sz="quarter" idx="14"/>
          </p:nvPr>
        </p:nvSpPr>
        <p:spPr>
          <a:xfrm>
            <a:off x="7610400" y="2898000"/>
            <a:ext cx="1900800" cy="1900800"/>
          </a:xfrm>
          <a:solidFill>
            <a:schemeClr val="accent6"/>
          </a:solidFill>
        </p:spPr>
        <p:txBody>
          <a:bodyPr tIns="648000" anchor="ctr" anchorCtr="0"/>
          <a:lstStyle>
            <a:lvl1pPr algn="ctr">
              <a:defRPr/>
            </a:lvl1pPr>
          </a:lstStyle>
          <a:p>
            <a:endParaRPr lang="en-GB" dirty="0"/>
          </a:p>
        </p:txBody>
      </p:sp>
      <p:sp>
        <p:nvSpPr>
          <p:cNvPr id="12" name="Picture Placeholder 9">
            <a:extLst>
              <a:ext uri="{FF2B5EF4-FFF2-40B4-BE49-F238E27FC236}">
                <a16:creationId xmlns:a16="http://schemas.microsoft.com/office/drawing/2014/main" id="{89AD0377-EEF4-2BE2-7A2F-129C1089A4BB}"/>
              </a:ext>
            </a:extLst>
          </p:cNvPr>
          <p:cNvSpPr>
            <a:spLocks noGrp="1"/>
          </p:cNvSpPr>
          <p:nvPr>
            <p:ph type="pic" sz="quarter" idx="15"/>
          </p:nvPr>
        </p:nvSpPr>
        <p:spPr>
          <a:xfrm>
            <a:off x="9570475" y="2898000"/>
            <a:ext cx="1900800" cy="1900800"/>
          </a:xfrm>
          <a:solidFill>
            <a:schemeClr val="accent6"/>
          </a:solidFill>
        </p:spPr>
        <p:txBody>
          <a:bodyPr tIns="648000" anchor="ctr" anchorCtr="0"/>
          <a:lstStyle>
            <a:lvl1pPr algn="ctr">
              <a:defRPr/>
            </a:lvl1pPr>
          </a:lstStyle>
          <a:p>
            <a:endParaRPr lang="en-GB" dirty="0"/>
          </a:p>
        </p:txBody>
      </p:sp>
    </p:spTree>
    <p:extLst>
      <p:ext uri="{BB962C8B-B14F-4D97-AF65-F5344CB8AC3E}">
        <p14:creationId xmlns:p14="http://schemas.microsoft.com/office/powerpoint/2010/main" val="1753967541"/>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A54DDE5B-1F2D-F372-3892-57D934C69F4A}"/>
              </a:ext>
            </a:extLst>
          </p:cNvPr>
          <p:cNvPicPr>
            <a:picLocks noChangeAspect="1"/>
          </p:cNvPicPr>
          <p:nvPr userDrawn="1"/>
        </p:nvPicPr>
        <p:blipFill rotWithShape="1">
          <a:blip r:embed="rId3"/>
          <a:srcRect r="9770"/>
          <a:stretch/>
        </p:blipFill>
        <p:spPr>
          <a:xfrm>
            <a:off x="5219862" y="1101138"/>
            <a:ext cx="2534277" cy="4913784"/>
          </a:xfrm>
          <a:prstGeom prst="rect">
            <a:avLst/>
          </a:prstGeom>
        </p:spPr>
      </p:pic>
      <p:sp>
        <p:nvSpPr>
          <p:cNvPr id="11" name="Picture Placeholder 9">
            <a:extLst>
              <a:ext uri="{FF2B5EF4-FFF2-40B4-BE49-F238E27FC236}">
                <a16:creationId xmlns:a16="http://schemas.microsoft.com/office/drawing/2014/main" id="{CEB65B4F-7599-74DF-EBA5-202E26CEB3A0}"/>
              </a:ext>
            </a:extLst>
          </p:cNvPr>
          <p:cNvSpPr>
            <a:spLocks noGrp="1"/>
          </p:cNvSpPr>
          <p:nvPr>
            <p:ph type="pic" sz="quarter" idx="13"/>
          </p:nvPr>
        </p:nvSpPr>
        <p:spPr>
          <a:xfrm>
            <a:off x="5536800" y="2478600"/>
            <a:ext cx="1900800" cy="190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565ECB4D-3B90-B975-5CC9-1D11DD4EF386}"/>
              </a:ext>
            </a:extLst>
          </p:cNvPr>
          <p:cNvSpPr>
            <a:spLocks noGrp="1"/>
          </p:cNvSpPr>
          <p:nvPr>
            <p:ph type="pic" sz="quarter" idx="14"/>
          </p:nvPr>
        </p:nvSpPr>
        <p:spPr>
          <a:xfrm>
            <a:off x="7610400" y="2478600"/>
            <a:ext cx="1900800" cy="1900800"/>
          </a:xfrm>
          <a:solidFill>
            <a:schemeClr val="accent6"/>
          </a:solidFill>
        </p:spPr>
        <p:txBody>
          <a:bodyPr tIns="648000" anchor="ctr" anchorCtr="0"/>
          <a:lstStyle>
            <a:lvl1pPr algn="ctr">
              <a:defRPr/>
            </a:lvl1pPr>
          </a:lstStyle>
          <a:p>
            <a:endParaRPr lang="en-GB"/>
          </a:p>
        </p:txBody>
      </p:sp>
      <p:sp>
        <p:nvSpPr>
          <p:cNvPr id="13" name="Picture Placeholder 9">
            <a:extLst>
              <a:ext uri="{FF2B5EF4-FFF2-40B4-BE49-F238E27FC236}">
                <a16:creationId xmlns:a16="http://schemas.microsoft.com/office/drawing/2014/main" id="{C74AAC9F-FD31-5ADB-B824-244A1923756D}"/>
              </a:ext>
            </a:extLst>
          </p:cNvPr>
          <p:cNvSpPr>
            <a:spLocks noGrp="1"/>
          </p:cNvSpPr>
          <p:nvPr>
            <p:ph type="pic" sz="quarter" idx="15"/>
          </p:nvPr>
        </p:nvSpPr>
        <p:spPr>
          <a:xfrm>
            <a:off x="9570475" y="2478600"/>
            <a:ext cx="1900800" cy="1900800"/>
          </a:xfrm>
          <a:solidFill>
            <a:schemeClr val="accent6"/>
          </a:solidFill>
        </p:spPr>
        <p:txBody>
          <a:bodyPr tIns="648000" anchor="ctr" anchorCtr="0"/>
          <a:lstStyle>
            <a:lvl1pPr algn="ctr">
              <a:defRPr/>
            </a:lvl1pPr>
          </a:lstStyle>
          <a:p>
            <a:endParaRPr lang="en-GB"/>
          </a:p>
        </p:txBody>
      </p:sp>
      <p:sp>
        <p:nvSpPr>
          <p:cNvPr id="15" name="Footers" descr="{&quot;templafy&quot;:{&quot;id&quot;:&quot;9f113c1b-1e68-4d5d-9404-b1c9682e1dc7&quot;}}">
            <a:extLst>
              <a:ext uri="{FF2B5EF4-FFF2-40B4-BE49-F238E27FC236}">
                <a16:creationId xmlns:a16="http://schemas.microsoft.com/office/drawing/2014/main" id="{E089BA30-0544-BB92-B27F-1E09FDA031B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216961744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6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a:extLst>
              <a:ext uri="{FF2B5EF4-FFF2-40B4-BE49-F238E27FC236}">
                <a16:creationId xmlns:a16="http://schemas.microsoft.com/office/drawing/2014/main" id="{2F85D50D-0CD8-D2EA-90C7-9BFF908C9B03}"/>
              </a:ext>
            </a:extLst>
          </p:cNvPr>
          <p:cNvPicPr>
            <a:picLocks noChangeAspect="1"/>
          </p:cNvPicPr>
          <p:nvPr userDrawn="1"/>
        </p:nvPicPr>
        <p:blipFill rotWithShape="1">
          <a:blip r:embed="rId3"/>
          <a:srcRect r="9770" b="24590"/>
          <a:stretch/>
        </p:blipFill>
        <p:spPr>
          <a:xfrm>
            <a:off x="339903" y="1412777"/>
            <a:ext cx="3724097" cy="5445224"/>
          </a:xfrm>
          <a:prstGeom prst="rect">
            <a:avLst/>
          </a:prstGeom>
        </p:spPr>
      </p:pic>
      <p:sp>
        <p:nvSpPr>
          <p:cNvPr id="12" name="Picture Placeholder 9">
            <a:extLst>
              <a:ext uri="{FF2B5EF4-FFF2-40B4-BE49-F238E27FC236}">
                <a16:creationId xmlns:a16="http://schemas.microsoft.com/office/drawing/2014/main" id="{89AD0377-EEF4-2BE2-7A2F-129C1089A4BB}"/>
              </a:ext>
            </a:extLst>
          </p:cNvPr>
          <p:cNvSpPr>
            <a:spLocks noGrp="1" noChangeAspect="1"/>
          </p:cNvSpPr>
          <p:nvPr>
            <p:ph type="pic" sz="quarter" idx="15"/>
          </p:nvPr>
        </p:nvSpPr>
        <p:spPr>
          <a:xfrm>
            <a:off x="868151" y="3463200"/>
            <a:ext cx="2667600" cy="2667600"/>
          </a:xfrm>
          <a:solidFill>
            <a:schemeClr val="accent6"/>
          </a:solidFill>
        </p:spPr>
        <p:txBody>
          <a:bodyPr tIns="648000" anchor="ctr" anchorCtr="0"/>
          <a:lstStyle>
            <a:lvl1pPr algn="ctr">
              <a:defRPr/>
            </a:lvl1pPr>
          </a:lstStyle>
          <a:p>
            <a:endParaRPr lang="en-GB"/>
          </a:p>
        </p:txBody>
      </p:sp>
      <p:sp>
        <p:nvSpPr>
          <p:cNvPr id="9" name="Rectangle 8">
            <a:extLst>
              <a:ext uri="{FF2B5EF4-FFF2-40B4-BE49-F238E27FC236}">
                <a16:creationId xmlns:a16="http://schemas.microsoft.com/office/drawing/2014/main" id="{13F15F2C-F25B-7919-7155-CF3E6B955963}"/>
              </a:ext>
            </a:extLst>
          </p:cNvPr>
          <p:cNvSpPr/>
          <p:nvPr userDrawn="1"/>
        </p:nvSpPr>
        <p:spPr>
          <a:xfrm>
            <a:off x="3875404" y="2742753"/>
            <a:ext cx="2412998" cy="72008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3" name="Rectangle 12">
            <a:extLst>
              <a:ext uri="{FF2B5EF4-FFF2-40B4-BE49-F238E27FC236}">
                <a16:creationId xmlns:a16="http://schemas.microsoft.com/office/drawing/2014/main" id="{F39462A8-BA13-5816-CC98-AE8BB418785C}"/>
              </a:ext>
            </a:extLst>
          </p:cNvPr>
          <p:cNvSpPr/>
          <p:nvPr userDrawn="1"/>
        </p:nvSpPr>
        <p:spPr>
          <a:xfrm>
            <a:off x="6455926" y="2742753"/>
            <a:ext cx="2412998" cy="72008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4" name="Rectangle 13">
            <a:extLst>
              <a:ext uri="{FF2B5EF4-FFF2-40B4-BE49-F238E27FC236}">
                <a16:creationId xmlns:a16="http://schemas.microsoft.com/office/drawing/2014/main" id="{2621D1A5-EF12-E62C-AC4E-BE6CA3AB39B5}"/>
              </a:ext>
            </a:extLst>
          </p:cNvPr>
          <p:cNvSpPr/>
          <p:nvPr userDrawn="1"/>
        </p:nvSpPr>
        <p:spPr>
          <a:xfrm>
            <a:off x="9053513" y="2742753"/>
            <a:ext cx="2437413" cy="72008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5" name="Picture Placeholder 9">
            <a:extLst>
              <a:ext uri="{FF2B5EF4-FFF2-40B4-BE49-F238E27FC236}">
                <a16:creationId xmlns:a16="http://schemas.microsoft.com/office/drawing/2014/main" id="{309FF903-CC38-4C37-5750-8228E5B698D9}"/>
              </a:ext>
            </a:extLst>
          </p:cNvPr>
          <p:cNvSpPr>
            <a:spLocks noGrp="1" noChangeAspect="1"/>
          </p:cNvSpPr>
          <p:nvPr>
            <p:ph type="pic" sz="quarter" idx="13"/>
          </p:nvPr>
        </p:nvSpPr>
        <p:spPr>
          <a:xfrm>
            <a:off x="3875903" y="3589200"/>
            <a:ext cx="2412000" cy="2412000"/>
          </a:xfrm>
          <a:solidFill>
            <a:schemeClr val="accent6"/>
          </a:solidFill>
        </p:spPr>
        <p:txBody>
          <a:bodyPr tIns="648000" anchor="ctr" anchorCtr="0"/>
          <a:lstStyle>
            <a:lvl1pPr algn="ctr">
              <a:defRPr/>
            </a:lvl1pPr>
          </a:lstStyle>
          <a:p>
            <a:endParaRPr lang="en-GB"/>
          </a:p>
        </p:txBody>
      </p:sp>
      <p:sp>
        <p:nvSpPr>
          <p:cNvPr id="16" name="Picture Placeholder 9">
            <a:extLst>
              <a:ext uri="{FF2B5EF4-FFF2-40B4-BE49-F238E27FC236}">
                <a16:creationId xmlns:a16="http://schemas.microsoft.com/office/drawing/2014/main" id="{5AFC5333-4349-556A-AA4C-8264633D8826}"/>
              </a:ext>
            </a:extLst>
          </p:cNvPr>
          <p:cNvSpPr>
            <a:spLocks noGrp="1" noChangeAspect="1"/>
          </p:cNvSpPr>
          <p:nvPr>
            <p:ph type="pic" sz="quarter" idx="14"/>
          </p:nvPr>
        </p:nvSpPr>
        <p:spPr>
          <a:xfrm>
            <a:off x="6456425" y="3589200"/>
            <a:ext cx="2412000" cy="2412000"/>
          </a:xfrm>
          <a:solidFill>
            <a:schemeClr val="accent6"/>
          </a:solidFill>
        </p:spPr>
        <p:txBody>
          <a:bodyPr tIns="648000" anchor="ctr" anchorCtr="0"/>
          <a:lstStyle>
            <a:lvl1pPr algn="ctr">
              <a:defRPr/>
            </a:lvl1pPr>
          </a:lstStyle>
          <a:p>
            <a:endParaRPr lang="en-GB"/>
          </a:p>
        </p:txBody>
      </p:sp>
      <p:sp>
        <p:nvSpPr>
          <p:cNvPr id="17" name="Picture Placeholder 9">
            <a:extLst>
              <a:ext uri="{FF2B5EF4-FFF2-40B4-BE49-F238E27FC236}">
                <a16:creationId xmlns:a16="http://schemas.microsoft.com/office/drawing/2014/main" id="{76FE539F-EA02-11A6-24A3-64094D6D449E}"/>
              </a:ext>
            </a:extLst>
          </p:cNvPr>
          <p:cNvSpPr>
            <a:spLocks noGrp="1" noChangeAspect="1"/>
          </p:cNvSpPr>
          <p:nvPr>
            <p:ph type="pic" sz="quarter" idx="16"/>
          </p:nvPr>
        </p:nvSpPr>
        <p:spPr>
          <a:xfrm>
            <a:off x="9066219" y="3589200"/>
            <a:ext cx="2412000" cy="2412000"/>
          </a:xfrm>
          <a:solidFill>
            <a:schemeClr val="accent6"/>
          </a:solidFill>
        </p:spPr>
        <p:txBody>
          <a:bodyPr tIns="648000" anchor="ctr" anchorCtr="0"/>
          <a:lstStyle>
            <a:lvl1pPr algn="ctr">
              <a:defRPr/>
            </a:lvl1pPr>
          </a:lstStyle>
          <a:p>
            <a:endParaRPr lang="en-GB"/>
          </a:p>
        </p:txBody>
      </p:sp>
      <p:sp>
        <p:nvSpPr>
          <p:cNvPr id="18" name="Content Placeholder 3">
            <a:extLst>
              <a:ext uri="{FF2B5EF4-FFF2-40B4-BE49-F238E27FC236}">
                <a16:creationId xmlns:a16="http://schemas.microsoft.com/office/drawing/2014/main" id="{0812D6A1-9301-DA4C-0FE8-A2FA9AC562DA}"/>
              </a:ext>
            </a:extLst>
          </p:cNvPr>
          <p:cNvSpPr>
            <a:spLocks noGrp="1"/>
          </p:cNvSpPr>
          <p:nvPr>
            <p:ph sz="quarter" idx="17" hasCustomPrompt="1"/>
          </p:nvPr>
        </p:nvSpPr>
        <p:spPr>
          <a:xfrm>
            <a:off x="3875903"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19" name="Content Placeholder 3">
            <a:extLst>
              <a:ext uri="{FF2B5EF4-FFF2-40B4-BE49-F238E27FC236}">
                <a16:creationId xmlns:a16="http://schemas.microsoft.com/office/drawing/2014/main" id="{1A5EDA48-C466-DD48-83BE-B58C6F8C2FE1}"/>
              </a:ext>
            </a:extLst>
          </p:cNvPr>
          <p:cNvSpPr>
            <a:spLocks noGrp="1"/>
          </p:cNvSpPr>
          <p:nvPr>
            <p:ph sz="quarter" idx="18" hasCustomPrompt="1"/>
          </p:nvPr>
        </p:nvSpPr>
        <p:spPr>
          <a:xfrm>
            <a:off x="6456425"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20" name="Content Placeholder 3">
            <a:extLst>
              <a:ext uri="{FF2B5EF4-FFF2-40B4-BE49-F238E27FC236}">
                <a16:creationId xmlns:a16="http://schemas.microsoft.com/office/drawing/2014/main" id="{C7BD399E-3BDD-357D-3173-CEF24905CB9E}"/>
              </a:ext>
            </a:extLst>
          </p:cNvPr>
          <p:cNvSpPr>
            <a:spLocks noGrp="1"/>
          </p:cNvSpPr>
          <p:nvPr>
            <p:ph sz="quarter" idx="19" hasCustomPrompt="1"/>
          </p:nvPr>
        </p:nvSpPr>
        <p:spPr>
          <a:xfrm>
            <a:off x="9066219"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8" name="Text Placeholder 7">
            <a:extLst>
              <a:ext uri="{FF2B5EF4-FFF2-40B4-BE49-F238E27FC236}">
                <a16:creationId xmlns:a16="http://schemas.microsoft.com/office/drawing/2014/main" id="{8D63E4F2-A49E-1CAC-AD88-6A5278BE8C84}"/>
              </a:ext>
            </a:extLst>
          </p:cNvPr>
          <p:cNvSpPr>
            <a:spLocks noGrp="1"/>
          </p:cNvSpPr>
          <p:nvPr>
            <p:ph type="body" sz="quarter" idx="20" hasCustomPrompt="1"/>
          </p:nvPr>
        </p:nvSpPr>
        <p:spPr>
          <a:xfrm>
            <a:off x="4064000"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0" name="Text Placeholder 7">
            <a:extLst>
              <a:ext uri="{FF2B5EF4-FFF2-40B4-BE49-F238E27FC236}">
                <a16:creationId xmlns:a16="http://schemas.microsoft.com/office/drawing/2014/main" id="{215F6F11-90AC-E501-9C5A-58F94185AE59}"/>
              </a:ext>
            </a:extLst>
          </p:cNvPr>
          <p:cNvSpPr>
            <a:spLocks noGrp="1"/>
          </p:cNvSpPr>
          <p:nvPr>
            <p:ph type="body" sz="quarter" idx="21" hasCustomPrompt="1"/>
          </p:nvPr>
        </p:nvSpPr>
        <p:spPr>
          <a:xfrm>
            <a:off x="6647225"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1" name="Text Placeholder 7">
            <a:extLst>
              <a:ext uri="{FF2B5EF4-FFF2-40B4-BE49-F238E27FC236}">
                <a16:creationId xmlns:a16="http://schemas.microsoft.com/office/drawing/2014/main" id="{61049E31-3DE3-F475-AAC8-ED15887EDCCB}"/>
              </a:ext>
            </a:extLst>
          </p:cNvPr>
          <p:cNvSpPr>
            <a:spLocks noGrp="1"/>
          </p:cNvSpPr>
          <p:nvPr>
            <p:ph type="body" sz="quarter" idx="22" hasCustomPrompt="1"/>
          </p:nvPr>
        </p:nvSpPr>
        <p:spPr>
          <a:xfrm>
            <a:off x="9257019"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Tree>
    <p:extLst>
      <p:ext uri="{BB962C8B-B14F-4D97-AF65-F5344CB8AC3E}">
        <p14:creationId xmlns:p14="http://schemas.microsoft.com/office/powerpoint/2010/main" val="348230607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1" userDrawn="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4545805" y="1854992"/>
            <a:ext cx="1879200" cy="406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11D87860-7BDA-6ACF-8AD2-853F44125DA8}"/>
              </a:ext>
            </a:extLst>
          </p:cNvPr>
          <p:cNvSpPr>
            <a:spLocks noGrp="1"/>
          </p:cNvSpPr>
          <p:nvPr>
            <p:ph type="pic" sz="quarter" idx="15"/>
          </p:nvPr>
        </p:nvSpPr>
        <p:spPr>
          <a:xfrm>
            <a:off x="9453733" y="1854992"/>
            <a:ext cx="1879200" cy="4060800"/>
          </a:xfrm>
          <a:solidFill>
            <a:schemeClr val="accent6"/>
          </a:solidFill>
        </p:spPr>
        <p:txBody>
          <a:bodyPr tIns="648000" anchor="ctr" anchorCtr="0"/>
          <a:lstStyle>
            <a:lvl1pPr algn="ctr">
              <a:defRPr/>
            </a:lvl1pPr>
          </a:lstStyle>
          <a:p>
            <a:endParaRPr lang="en-GB"/>
          </a:p>
        </p:txBody>
      </p:sp>
      <p:pic>
        <p:nvPicPr>
          <p:cNvPr id="19" name="Picture 18">
            <a:extLst>
              <a:ext uri="{FF2B5EF4-FFF2-40B4-BE49-F238E27FC236}">
                <a16:creationId xmlns:a16="http://schemas.microsoft.com/office/drawing/2014/main" id="{57BB32CB-B29F-4116-9105-192016E0603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4218695" y="1484783"/>
            <a:ext cx="2591760" cy="4652492"/>
          </a:xfrm>
          <a:prstGeom prst="rect">
            <a:avLst/>
          </a:prstGeom>
          <a:effectLst>
            <a:reflection blurRad="39573" stA="28000" endPos="4000" dist="50800" dir="5400000" sy="-100000" algn="bl" rotWithShape="0"/>
          </a:effectLst>
        </p:spPr>
      </p:pic>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D6EE0956-AB5F-AC03-EAB3-36441D8851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9125433" y="1492098"/>
            <a:ext cx="2591760" cy="4652492"/>
          </a:xfrm>
          <a:prstGeom prst="rect">
            <a:avLst/>
          </a:prstGeom>
          <a:effectLst>
            <a:reflection blurRad="39573" stA="28000" endPos="4000" dist="50800" dir="5400000" sy="-100000" algn="bl" rotWithShape="0"/>
          </a:effectLst>
        </p:spPr>
      </p:pic>
      <p:sp>
        <p:nvSpPr>
          <p:cNvPr id="16" name="Picture Placeholder 9">
            <a:extLst>
              <a:ext uri="{FF2B5EF4-FFF2-40B4-BE49-F238E27FC236}">
                <a16:creationId xmlns:a16="http://schemas.microsoft.com/office/drawing/2014/main" id="{17DACB36-D4E1-F498-4226-F130DA4F5BC7}"/>
              </a:ext>
            </a:extLst>
          </p:cNvPr>
          <p:cNvSpPr>
            <a:spLocks noGrp="1"/>
          </p:cNvSpPr>
          <p:nvPr>
            <p:ph type="pic" sz="quarter" idx="16"/>
          </p:nvPr>
        </p:nvSpPr>
        <p:spPr>
          <a:xfrm>
            <a:off x="7000364" y="1854992"/>
            <a:ext cx="1879200" cy="4060800"/>
          </a:xfrm>
          <a:solidFill>
            <a:schemeClr val="accent6"/>
          </a:solidFill>
        </p:spPr>
        <p:txBody>
          <a:bodyPr tIns="648000" anchor="ctr" anchorCtr="0"/>
          <a:lstStyle>
            <a:lvl1pPr algn="ctr">
              <a:defRPr/>
            </a:lvl1pPr>
          </a:lstStyle>
          <a:p>
            <a:endParaRPr lang="en-GB"/>
          </a:p>
        </p:txBody>
      </p:sp>
      <p:pic>
        <p:nvPicPr>
          <p:cNvPr id="17" name="Picture 16">
            <a:extLst>
              <a:ext uri="{FF2B5EF4-FFF2-40B4-BE49-F238E27FC236}">
                <a16:creationId xmlns:a16="http://schemas.microsoft.com/office/drawing/2014/main" id="{2605CA00-36D2-E3AA-8BE8-1E472C3C45D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6672064" y="1484783"/>
            <a:ext cx="2591760" cy="4652492"/>
          </a:xfrm>
          <a:prstGeom prst="rect">
            <a:avLst/>
          </a:prstGeom>
          <a:effectLst>
            <a:reflection blurRad="39573" stA="28000" endPos="4000" dist="50800" dir="5400000" sy="-100000" algn="bl" rotWithShape="0"/>
          </a:effectLst>
        </p:spPr>
      </p:pic>
    </p:spTree>
    <p:extLst>
      <p:ext uri="{BB962C8B-B14F-4D97-AF65-F5344CB8AC3E}">
        <p14:creationId xmlns:p14="http://schemas.microsoft.com/office/powerpoint/2010/main" val="195613105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 name="Picture 9">
            <a:extLst>
              <a:ext uri="{FF2B5EF4-FFF2-40B4-BE49-F238E27FC236}">
                <a16:creationId xmlns:a16="http://schemas.microsoft.com/office/drawing/2014/main" id="{E9147874-D641-36E1-03C9-5414641E949D}"/>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Picture Placeholder 9">
            <a:extLst>
              <a:ext uri="{FF2B5EF4-FFF2-40B4-BE49-F238E27FC236}">
                <a16:creationId xmlns:a16="http://schemas.microsoft.com/office/drawing/2014/main" id="{CEB65B4F-7599-74DF-EBA5-202E26CEB3A0}"/>
              </a:ext>
            </a:extLst>
          </p:cNvPr>
          <p:cNvSpPr>
            <a:spLocks noGrp="1" noChangeAspect="1"/>
          </p:cNvSpPr>
          <p:nvPr>
            <p:ph type="pic" sz="quarter" idx="13"/>
          </p:nvPr>
        </p:nvSpPr>
        <p:spPr>
          <a:xfrm>
            <a:off x="5210176" y="2034000"/>
            <a:ext cx="5608678" cy="3341275"/>
          </a:xfrm>
          <a:solidFill>
            <a:schemeClr val="accent6"/>
          </a:solidFill>
        </p:spPr>
        <p:txBody>
          <a:bodyPr tIns="648000" anchor="ctr" anchorCtr="0"/>
          <a:lstStyle>
            <a:lvl1pPr algn="ctr">
              <a:defRPr/>
            </a:lvl1pPr>
          </a:lstStyle>
          <a:p>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6" name="Picture Placeholder 9">
            <a:extLst>
              <a:ext uri="{FF2B5EF4-FFF2-40B4-BE49-F238E27FC236}">
                <a16:creationId xmlns:a16="http://schemas.microsoft.com/office/drawing/2014/main" id="{D1D222DE-C8E6-D25C-E6F2-0624A2B9EC69}"/>
              </a:ext>
            </a:extLst>
          </p:cNvPr>
          <p:cNvSpPr>
            <a:spLocks noGrp="1" noChangeAspect="1"/>
          </p:cNvSpPr>
          <p:nvPr>
            <p:ph type="pic" sz="quarter" idx="25"/>
          </p:nvPr>
        </p:nvSpPr>
        <p:spPr>
          <a:xfrm>
            <a:off x="10220325" y="3143249"/>
            <a:ext cx="1355726" cy="2936875"/>
          </a:xfrm>
          <a:solidFill>
            <a:schemeClr val="accent6"/>
          </a:solidFill>
        </p:spPr>
        <p:txBody>
          <a:bodyPr tIns="648000" anchor="ctr" anchorCtr="0"/>
          <a:lstStyle>
            <a:lvl1pPr algn="ctr">
              <a:defRPr/>
            </a:lvl1pPr>
          </a:lstStyle>
          <a:p>
            <a:endParaRPr lang="en-GB"/>
          </a:p>
        </p:txBody>
      </p:sp>
      <p:pic>
        <p:nvPicPr>
          <p:cNvPr id="8" name="Picture 7">
            <a:extLst>
              <a:ext uri="{FF2B5EF4-FFF2-40B4-BE49-F238E27FC236}">
                <a16:creationId xmlns:a16="http://schemas.microsoft.com/office/drawing/2014/main" id="{4AB84BED-AAA1-1FE1-26B0-C3711E7D650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3274" t="-1316" r="-5903" b="1316"/>
          <a:stretch/>
        </p:blipFill>
        <p:spPr>
          <a:xfrm>
            <a:off x="9980535" y="2869499"/>
            <a:ext cx="1876105" cy="3367813"/>
          </a:xfrm>
          <a:prstGeom prst="rect">
            <a:avLst/>
          </a:prstGeom>
          <a:effectLst>
            <a:reflection blurRad="39573" stA="28000" endPos="4000" dist="50800" dir="5400000" sy="-100000" algn="bl" rotWithShape="0"/>
          </a:effectLst>
        </p:spPr>
      </p:pic>
      <p:sp>
        <p:nvSpPr>
          <p:cNvPr id="13" name="Footers" descr="{&quot;templafy&quot;:{&quot;id&quot;:&quot;4aaff1e3-4aeb-4ab6-970c-e6644a7151c2&quot;}}">
            <a:extLst>
              <a:ext uri="{FF2B5EF4-FFF2-40B4-BE49-F238E27FC236}">
                <a16:creationId xmlns:a16="http://schemas.microsoft.com/office/drawing/2014/main" id="{2AA3E128-5B68-28FB-4891-492AE777546C}"/>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92876128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200650" y="2041524"/>
            <a:ext cx="5591175" cy="3343275"/>
          </a:xfrm>
          <a:solidFill>
            <a:schemeClr val="accent6"/>
          </a:solidFill>
        </p:spPr>
        <p:txBody>
          <a:bodyPr tIns="648000" anchor="ctr" anchorCtr="0"/>
          <a:lstStyle>
            <a:lvl1pPr algn="ctr">
              <a:defRPr/>
            </a:lvl1pPr>
          </a:lstStyle>
          <a:p>
            <a:endParaRPr lang="en-GB"/>
          </a:p>
        </p:txBody>
      </p:sp>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344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535D7C6D-AFB7-4703-6ED0-E0A861DE5654}"/>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Tree>
    <p:extLst>
      <p:ext uri="{BB962C8B-B14F-4D97-AF65-F5344CB8AC3E}">
        <p14:creationId xmlns:p14="http://schemas.microsoft.com/office/powerpoint/2010/main" val="1434325916"/>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2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3345689"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33486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8" name="Picture Placeholder 9">
            <a:extLst>
              <a:ext uri="{FF2B5EF4-FFF2-40B4-BE49-F238E27FC236}">
                <a16:creationId xmlns:a16="http://schemas.microsoft.com/office/drawing/2014/main" id="{8D819A63-FF9D-A3D7-5D19-99428A5AB4F1}"/>
              </a:ext>
            </a:extLst>
          </p:cNvPr>
          <p:cNvSpPr>
            <a:spLocks noGrp="1"/>
          </p:cNvSpPr>
          <p:nvPr>
            <p:ph type="pic" sz="quarter" idx="13"/>
          </p:nvPr>
        </p:nvSpPr>
        <p:spPr>
          <a:xfrm>
            <a:off x="5214938" y="2034000"/>
            <a:ext cx="5572125" cy="3347625"/>
          </a:xfrm>
          <a:solidFill>
            <a:schemeClr val="accent6"/>
          </a:solidFill>
        </p:spPr>
        <p:txBody>
          <a:bodyPr tIns="648000" anchor="ctr" anchorCtr="0"/>
          <a:lstStyle>
            <a:lvl1pPr algn="ctr">
              <a:defRPr/>
            </a:lvl1pPr>
          </a:lstStyle>
          <a:p>
            <a:endParaRPr lang="en-GB"/>
          </a:p>
        </p:txBody>
      </p:sp>
      <p:pic>
        <p:nvPicPr>
          <p:cNvPr id="12" name="Picture 11">
            <a:extLst>
              <a:ext uri="{FF2B5EF4-FFF2-40B4-BE49-F238E27FC236}">
                <a16:creationId xmlns:a16="http://schemas.microsoft.com/office/drawing/2014/main" id="{F39E2188-EF07-418A-877E-B5F25E893A69}"/>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Footers" descr="{&quot;templafy&quot;:{&quot;id&quot;:&quot;5701762b-2ddd-415c-9f10-2849eeb3ef06&quot;}}">
            <a:extLst>
              <a:ext uri="{FF2B5EF4-FFF2-40B4-BE49-F238E27FC236}">
                <a16:creationId xmlns:a16="http://schemas.microsoft.com/office/drawing/2014/main" id="{E437CE73-48A8-6501-39C1-A1E43A2B917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21398609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7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21E9437-E9FE-CAAE-4F68-755791724105}"/>
              </a:ext>
            </a:extLst>
          </p:cNvPr>
          <p:cNvPicPr>
            <a:picLocks noChangeAspect="1"/>
          </p:cNvPicPr>
          <p:nvPr userDrawn="1"/>
        </p:nvPicPr>
        <p:blipFill rotWithShape="1">
          <a:blip r:embed="rId3" cstate="hqprint">
            <a:extLst>
              <a:ext uri="{28A0092B-C50C-407E-A947-70E740481C1C}">
                <a14:useLocalDpi xmlns:a14="http://schemas.microsoft.com/office/drawing/2010/main" val="0"/>
              </a:ext>
            </a:extLst>
          </a:blip>
          <a:srcRect r="6612"/>
          <a:stretch/>
        </p:blipFill>
        <p:spPr>
          <a:xfrm>
            <a:off x="2597949" y="4554"/>
            <a:ext cx="9594051" cy="6848892"/>
          </a:xfrm>
          <a:prstGeom prst="rect">
            <a:avLst/>
          </a:prstGeom>
        </p:spPr>
      </p:pic>
      <p:sp>
        <p:nvSpPr>
          <p:cNvPr id="17" name="Rectangle 16">
            <a:extLst>
              <a:ext uri="{FF2B5EF4-FFF2-40B4-BE49-F238E27FC236}">
                <a16:creationId xmlns:a16="http://schemas.microsoft.com/office/drawing/2014/main" id="{698F3588-281E-71E0-698D-DE2EFA5D7E6E}"/>
              </a:ext>
            </a:extLst>
          </p:cNvPr>
          <p:cNvSpPr/>
          <p:nvPr userDrawn="1"/>
        </p:nvSpPr>
        <p:spPr>
          <a:xfrm>
            <a:off x="0" y="1"/>
            <a:ext cx="3503778" cy="6858000"/>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9" y="720000"/>
            <a:ext cx="2417761"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24215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Picture Placeholder 19">
            <a:extLst>
              <a:ext uri="{FF2B5EF4-FFF2-40B4-BE49-F238E27FC236}">
                <a16:creationId xmlns:a16="http://schemas.microsoft.com/office/drawing/2014/main" id="{43DD438D-2CD1-72E2-C5C5-E3BE4E453233}"/>
              </a:ext>
            </a:extLst>
          </p:cNvPr>
          <p:cNvSpPr>
            <a:spLocks noGrp="1"/>
          </p:cNvSpPr>
          <p:nvPr>
            <p:ph type="pic" sz="quarter" idx="25"/>
          </p:nvPr>
        </p:nvSpPr>
        <p:spPr>
          <a:xfrm>
            <a:off x="4127500" y="2048399"/>
            <a:ext cx="7082900" cy="2622025"/>
          </a:xfrm>
          <a:solidFill>
            <a:schemeClr val="bg1"/>
          </a:solidFill>
        </p:spPr>
        <p:txBody>
          <a:bodyPr tIns="648000" anchor="ctr" anchorCtr="0"/>
          <a:lstStyle>
            <a:lvl1pPr algn="ctr">
              <a:defRPr/>
            </a:lvl1pPr>
          </a:lstStyle>
          <a:p>
            <a:r>
              <a:rPr lang="en-GB" dirty="0"/>
              <a:t>Click icon to add picture</a:t>
            </a:r>
          </a:p>
        </p:txBody>
      </p:sp>
      <p:sp>
        <p:nvSpPr>
          <p:cNvPr id="8" name="Footers" descr="{&quot;templafy&quot;:{&quot;id&quot;:&quot;6f27a5ea-5194-4474-8f5a-b0c8f65deb8e&quot;}}">
            <a:extLst>
              <a:ext uri="{FF2B5EF4-FFF2-40B4-BE49-F238E27FC236}">
                <a16:creationId xmlns:a16="http://schemas.microsoft.com/office/drawing/2014/main" id="{6D57E22F-014A-FDF5-8749-C999CC6D20A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69888123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1pPr>
            <a:lvl2pPr marL="0" indent="0">
              <a:lnSpc>
                <a:spcPct val="180000"/>
              </a:lnSpc>
              <a:spcBef>
                <a:spcPts val="250"/>
              </a:spcBef>
              <a:spcAft>
                <a:spcPts val="0"/>
              </a:spcAft>
              <a:buNone/>
              <a:defRPr sz="1800" b="1" cap="none">
                <a:solidFill>
                  <a:schemeClr val="accent3"/>
                </a:solidFill>
                <a:latin typeface="+mj-lt"/>
              </a:defRPr>
            </a:lvl2pPr>
            <a:lvl3pPr marL="0" indent="0">
              <a:lnSpc>
                <a:spcPct val="180000"/>
              </a:lnSpc>
              <a:spcBef>
                <a:spcPts val="250"/>
              </a:spcBef>
              <a:spcAft>
                <a:spcPts val="0"/>
              </a:spcAft>
              <a:buNone/>
              <a:defRPr sz="1800" b="1" cap="none">
                <a:solidFill>
                  <a:schemeClr val="accent3"/>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1pPr>
            <a:lvl2pPr marL="0" indent="0">
              <a:lnSpc>
                <a:spcPct val="180000"/>
              </a:lnSpc>
              <a:spcBef>
                <a:spcPts val="250"/>
              </a:spcBef>
              <a:spcAft>
                <a:spcPts val="0"/>
              </a:spcAft>
              <a:buNone/>
              <a:defRPr sz="1800" b="0" cap="all">
                <a:solidFill>
                  <a:schemeClr val="accent1"/>
                </a:solidFill>
                <a:latin typeface="+mj-lt"/>
              </a:defRPr>
            </a:lvl2pPr>
            <a:lvl3pPr marL="0" indent="0">
              <a:lnSpc>
                <a:spcPct val="180000"/>
              </a:lnSpc>
              <a:spcBef>
                <a:spcPts val="250"/>
              </a:spcBef>
              <a:spcAft>
                <a:spcPts val="0"/>
              </a:spcAft>
              <a:buNone/>
              <a:defRPr sz="1800" b="0" cap="all">
                <a:solidFill>
                  <a:schemeClr val="accent1"/>
                </a:solidFill>
                <a:latin typeface="+mj-lt"/>
              </a:defRPr>
            </a:lvl3pPr>
            <a:lvl4pPr marL="0" indent="0">
              <a:lnSpc>
                <a:spcPct val="180000"/>
              </a:lnSpc>
              <a:spcBef>
                <a:spcPts val="250"/>
              </a:spcBef>
              <a:spcAft>
                <a:spcPts val="0"/>
              </a:spcAft>
              <a:buNone/>
              <a:defRPr sz="1800" b="0" cap="all">
                <a:solidFill>
                  <a:schemeClr val="accent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9pPr>
          </a:lstStyle>
          <a:p>
            <a:pPr lvl="0"/>
            <a:r>
              <a:rPr lang="en-GB" dirty="0"/>
              <a:t>Click to add agenda point, one line</a:t>
            </a:r>
          </a:p>
        </p:txBody>
      </p:sp>
      <p:sp>
        <p:nvSpPr>
          <p:cNvPr id="6" name="Guides" hidden="1">
            <a:extLst>
              <a:ext uri="{FF2B5EF4-FFF2-40B4-BE49-F238E27FC236}">
                <a16:creationId xmlns:a16="http://schemas.microsoft.com/office/drawing/2014/main" id="{3638FD4C-1242-FA12-1AE1-9624BF414B2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879152259"/>
      </p:ext>
    </p:extLst>
  </p:cSld>
  <p:clrMapOvr>
    <a:masterClrMapping/>
  </p:clrMapOvr>
  <p:extLst>
    <p:ext uri="{DCECCB84-F9BA-43D5-87BE-67443E8EF086}">
      <p15:sldGuideLst xmlns:p15="http://schemas.microsoft.com/office/powerpoint/2012/main">
        <p15:guide id="3" orient="horz" pos="45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8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6122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B42367BA-8F05-446D-84E4-1D4A251DEF07}"/>
              </a:ext>
            </a:extLst>
          </p:cNvPr>
          <p:cNvPicPr>
            <a:picLocks noChangeAspect="1"/>
          </p:cNvPicPr>
          <p:nvPr userDrawn="1"/>
        </p:nvPicPr>
        <p:blipFill>
          <a:blip r:embed="rId3"/>
          <a:stretch>
            <a:fillRect/>
          </a:stretch>
        </p:blipFill>
        <p:spPr>
          <a:xfrm>
            <a:off x="7651822" y="1628880"/>
            <a:ext cx="3751231" cy="4509120"/>
          </a:xfrm>
          <a:prstGeom prst="rect">
            <a:avLst/>
          </a:prstGeom>
          <a:effectLst>
            <a:outerShdw blurRad="193495" dist="146531" dir="3540000" sx="99000" sy="99000" algn="t" rotWithShape="0">
              <a:prstClr val="black">
                <a:alpha val="40000"/>
              </a:prstClr>
            </a:outerShdw>
          </a:effectLst>
        </p:spPr>
      </p:pic>
      <p:sp>
        <p:nvSpPr>
          <p:cNvPr id="9" name="Picture Placeholder 7">
            <a:extLst>
              <a:ext uri="{FF2B5EF4-FFF2-40B4-BE49-F238E27FC236}">
                <a16:creationId xmlns:a16="http://schemas.microsoft.com/office/drawing/2014/main" id="{8218A61B-6F4F-B694-869D-DF3F3E7BF0FD}"/>
              </a:ext>
            </a:extLst>
          </p:cNvPr>
          <p:cNvSpPr>
            <a:spLocks noGrp="1"/>
          </p:cNvSpPr>
          <p:nvPr>
            <p:ph type="pic" sz="quarter" idx="13"/>
          </p:nvPr>
        </p:nvSpPr>
        <p:spPr>
          <a:xfrm>
            <a:off x="8328248" y="1627430"/>
            <a:ext cx="3074765" cy="4509225"/>
          </a:xfrm>
          <a:solidFill>
            <a:schemeClr val="bg1"/>
          </a:solidFill>
        </p:spPr>
        <p:txBody>
          <a:bodyPr tIns="648000" anchor="ctr" anchorCtr="1"/>
          <a:lstStyle/>
          <a:p>
            <a:r>
              <a:rPr lang="en-US" dirty="0"/>
              <a:t>Click icon to add picture</a:t>
            </a:r>
          </a:p>
        </p:txBody>
      </p:sp>
      <p:sp>
        <p:nvSpPr>
          <p:cNvPr id="11" name="Rectangle 10">
            <a:extLst>
              <a:ext uri="{FF2B5EF4-FFF2-40B4-BE49-F238E27FC236}">
                <a16:creationId xmlns:a16="http://schemas.microsoft.com/office/drawing/2014/main" id="{0752E313-28CB-8D27-CE72-0374CF6A9254}"/>
              </a:ext>
            </a:extLst>
          </p:cNvPr>
          <p:cNvSpPr/>
          <p:nvPr userDrawn="1"/>
        </p:nvSpPr>
        <p:spPr>
          <a:xfrm>
            <a:off x="8328248" y="1628155"/>
            <a:ext cx="725265" cy="4509120"/>
          </a:xfrm>
          <a:prstGeom prst="rect">
            <a:avLst/>
          </a:prstGeom>
          <a:gradFill flip="none" rotWithShape="1">
            <a:gsLst>
              <a:gs pos="0">
                <a:schemeClr val="accent4">
                  <a:lumMod val="5000"/>
                  <a:lumOff val="95000"/>
                  <a:alpha val="0"/>
                </a:schemeClr>
              </a:gs>
              <a:gs pos="63000">
                <a:schemeClr val="accent4">
                  <a:lumMod val="45000"/>
                  <a:lumOff val="55000"/>
                  <a:alpha val="66000"/>
                </a:schemeClr>
              </a:gs>
              <a:gs pos="100000">
                <a:schemeClr val="tx1">
                  <a:lumMod val="50000"/>
                  <a:lumOff val="50000"/>
                </a:schemeClr>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Tree>
    <p:extLst>
      <p:ext uri="{BB962C8B-B14F-4D97-AF65-F5344CB8AC3E}">
        <p14:creationId xmlns:p14="http://schemas.microsoft.com/office/powerpoint/2010/main" val="373743555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with Footer in Blu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2" name="Guides" hidden="1">
            <a:extLst>
              <a:ext uri="{FF2B5EF4-FFF2-40B4-BE49-F238E27FC236}">
                <a16:creationId xmlns:a16="http://schemas.microsoft.com/office/drawing/2014/main" id="{701F89E3-1860-5814-889C-8F8203A4F6D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1333805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nk with Footer in Whit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37bf3a59-c3d7-4ee6-b549-ac5503095b71&quot;}}">
            <a:extLst>
              <a:ext uri="{FF2B5EF4-FFF2-40B4-BE49-F238E27FC236}">
                <a16:creationId xmlns:a16="http://schemas.microsoft.com/office/drawing/2014/main" id="{AD7FCB85-6DF8-7133-9CEA-CE8EF93D41E2}"/>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984639071"/>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CBDB7B0-4561-2F0F-FCA3-EB062B6585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27029257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Closing A">
    <p:bg>
      <p:bgPr>
        <a:gradFill>
          <a:gsLst>
            <a:gs pos="22000">
              <a:schemeClr val="bg1"/>
            </a:gs>
            <a:gs pos="100000">
              <a:schemeClr val="accent6"/>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38615178-D3EF-0351-B14B-847E20DE72E5}"/>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grpSp>
        <p:nvGrpSpPr>
          <p:cNvPr id="3" name="Group 2">
            <a:extLst>
              <a:ext uri="{FF2B5EF4-FFF2-40B4-BE49-F238E27FC236}">
                <a16:creationId xmlns:a16="http://schemas.microsoft.com/office/drawing/2014/main" id="{32226A66-5DC3-953F-2B42-68A9AAEE705B}"/>
              </a:ext>
            </a:extLst>
          </p:cNvPr>
          <p:cNvGrpSpPr/>
          <p:nvPr userDrawn="1"/>
        </p:nvGrpSpPr>
        <p:grpSpPr>
          <a:xfrm>
            <a:off x="4724397" y="3211027"/>
            <a:ext cx="2743202" cy="435946"/>
            <a:chOff x="728662" y="709353"/>
            <a:chExt cx="2743202" cy="435946"/>
          </a:xfrm>
        </p:grpSpPr>
        <p:pic>
          <p:nvPicPr>
            <p:cNvPr id="4" name="Picture 3">
              <a:extLst>
                <a:ext uri="{FF2B5EF4-FFF2-40B4-BE49-F238E27FC236}">
                  <a16:creationId xmlns:a16="http://schemas.microsoft.com/office/drawing/2014/main" id="{C344384E-4AF3-B4A4-F189-409E7C8A0413}"/>
                </a:ext>
              </a:extLst>
            </p:cNvPr>
            <p:cNvPicPr>
              <a:picLocks noChangeAspect="1"/>
            </p:cNvPicPr>
            <p:nvPr/>
          </p:nvPicPr>
          <p:blipFill rotWithShape="1">
            <a:blip r:embed="rId3">
              <a:extLst>
                <a:ext uri="{28A0092B-C50C-407E-A947-70E740481C1C}">
                  <a14:useLocalDpi xmlns:a14="http://schemas.microsoft.com/office/drawing/2010/main" val="0"/>
                </a:ext>
              </a:extLst>
            </a:blip>
            <a:srcRect r="86053"/>
            <a:stretch/>
          </p:blipFill>
          <p:spPr>
            <a:xfrm>
              <a:off x="728662" y="709353"/>
              <a:ext cx="381588" cy="435946"/>
            </a:xfrm>
            <a:prstGeom prst="rect">
              <a:avLst/>
            </a:prstGeom>
          </p:spPr>
        </p:pic>
        <p:sp>
          <p:nvSpPr>
            <p:cNvPr id="5" name="Freeform 33">
              <a:extLst>
                <a:ext uri="{FF2B5EF4-FFF2-40B4-BE49-F238E27FC236}">
                  <a16:creationId xmlns:a16="http://schemas.microsoft.com/office/drawing/2014/main" id="{0DE36B48-2DFA-C617-11D3-E6301B89EAC4}"/>
                </a:ext>
              </a:extLst>
            </p:cNvPr>
            <p:cNvSpPr>
              <a:spLocks noEditPoints="1"/>
            </p:cNvSpPr>
            <p:nvPr/>
          </p:nvSpPr>
          <p:spPr bwMode="auto">
            <a:xfrm>
              <a:off x="1222376" y="709353"/>
              <a:ext cx="2249488" cy="295275"/>
            </a:xfrm>
            <a:custGeom>
              <a:avLst/>
              <a:gdLst>
                <a:gd name="T0" fmla="*/ 3918 w 3977"/>
                <a:gd name="T1" fmla="*/ 318 h 515"/>
                <a:gd name="T2" fmla="*/ 3977 w 3977"/>
                <a:gd name="T3" fmla="*/ 433 h 515"/>
                <a:gd name="T4" fmla="*/ 3973 w 3977"/>
                <a:gd name="T5" fmla="*/ 332 h 515"/>
                <a:gd name="T6" fmla="*/ 3688 w 3977"/>
                <a:gd name="T7" fmla="*/ 493 h 515"/>
                <a:gd name="T8" fmla="*/ 3585 w 3977"/>
                <a:gd name="T9" fmla="*/ 308 h 515"/>
                <a:gd name="T10" fmla="*/ 3488 w 3977"/>
                <a:gd name="T11" fmla="*/ 507 h 515"/>
                <a:gd name="T12" fmla="*/ 3337 w 3977"/>
                <a:gd name="T13" fmla="*/ 235 h 515"/>
                <a:gd name="T14" fmla="*/ 3543 w 3977"/>
                <a:gd name="T15" fmla="*/ 212 h 515"/>
                <a:gd name="T16" fmla="*/ 3280 w 3977"/>
                <a:gd name="T17" fmla="*/ 99 h 515"/>
                <a:gd name="T18" fmla="*/ 3280 w 3977"/>
                <a:gd name="T19" fmla="*/ 99 h 515"/>
                <a:gd name="T20" fmla="*/ 3163 w 3977"/>
                <a:gd name="T21" fmla="*/ 507 h 515"/>
                <a:gd name="T22" fmla="*/ 3163 w 3977"/>
                <a:gd name="T23" fmla="*/ 221 h 515"/>
                <a:gd name="T24" fmla="*/ 2812 w 3977"/>
                <a:gd name="T25" fmla="*/ 99 h 515"/>
                <a:gd name="T26" fmla="*/ 2812 w 3977"/>
                <a:gd name="T27" fmla="*/ 99 h 515"/>
                <a:gd name="T28" fmla="*/ 2852 w 3977"/>
                <a:gd name="T29" fmla="*/ 507 h 515"/>
                <a:gd name="T30" fmla="*/ 2695 w 3977"/>
                <a:gd name="T31" fmla="*/ 235 h 515"/>
                <a:gd name="T32" fmla="*/ 2804 w 3977"/>
                <a:gd name="T33" fmla="*/ 453 h 515"/>
                <a:gd name="T34" fmla="*/ 2521 w 3977"/>
                <a:gd name="T35" fmla="*/ 494 h 515"/>
                <a:gd name="T36" fmla="*/ 2621 w 3977"/>
                <a:gd name="T37" fmla="*/ 451 h 515"/>
                <a:gd name="T38" fmla="*/ 2470 w 3977"/>
                <a:gd name="T39" fmla="*/ 212 h 515"/>
                <a:gd name="T40" fmla="*/ 2512 w 3977"/>
                <a:gd name="T41" fmla="*/ 9 h 515"/>
                <a:gd name="T42" fmla="*/ 2236 w 3977"/>
                <a:gd name="T43" fmla="*/ 318 h 515"/>
                <a:gd name="T44" fmla="*/ 2236 w 3977"/>
                <a:gd name="T45" fmla="*/ 318 h 515"/>
                <a:gd name="T46" fmla="*/ 2295 w 3977"/>
                <a:gd name="T47" fmla="*/ 454 h 515"/>
                <a:gd name="T48" fmla="*/ 2080 w 3977"/>
                <a:gd name="T49" fmla="*/ 332 h 515"/>
                <a:gd name="T50" fmla="*/ 1949 w 3977"/>
                <a:gd name="T51" fmla="*/ 414 h 515"/>
                <a:gd name="T52" fmla="*/ 1887 w 3977"/>
                <a:gd name="T53" fmla="*/ 423 h 515"/>
                <a:gd name="T54" fmla="*/ 1537 w 3977"/>
                <a:gd name="T55" fmla="*/ 124 h 515"/>
                <a:gd name="T56" fmla="*/ 1426 w 3977"/>
                <a:gd name="T57" fmla="*/ 507 h 515"/>
                <a:gd name="T58" fmla="*/ 1453 w 3977"/>
                <a:gd name="T59" fmla="*/ 44 h 515"/>
                <a:gd name="T60" fmla="*/ 1977 w 3977"/>
                <a:gd name="T61" fmla="*/ 57 h 515"/>
                <a:gd name="T62" fmla="*/ 1342 w 3977"/>
                <a:gd name="T63" fmla="*/ 507 h 515"/>
                <a:gd name="T64" fmla="*/ 1175 w 3977"/>
                <a:gd name="T65" fmla="*/ 242 h 515"/>
                <a:gd name="T66" fmla="*/ 991 w 3977"/>
                <a:gd name="T67" fmla="*/ 507 h 515"/>
                <a:gd name="T68" fmla="*/ 991 w 3977"/>
                <a:gd name="T69" fmla="*/ 221 h 515"/>
                <a:gd name="T70" fmla="*/ 1294 w 3977"/>
                <a:gd name="T71" fmla="*/ 315 h 515"/>
                <a:gd name="T72" fmla="*/ 978 w 3977"/>
                <a:gd name="T73" fmla="*/ 493 h 515"/>
                <a:gd name="T74" fmla="*/ 875 w 3977"/>
                <a:gd name="T75" fmla="*/ 308 h 515"/>
                <a:gd name="T76" fmla="*/ 778 w 3977"/>
                <a:gd name="T77" fmla="*/ 507 h 515"/>
                <a:gd name="T78" fmla="*/ 627 w 3977"/>
                <a:gd name="T79" fmla="*/ 235 h 515"/>
                <a:gd name="T80" fmla="*/ 833 w 3977"/>
                <a:gd name="T81" fmla="*/ 212 h 515"/>
                <a:gd name="T82" fmla="*/ 552 w 3977"/>
                <a:gd name="T83" fmla="*/ 318 h 515"/>
                <a:gd name="T84" fmla="*/ 396 w 3977"/>
                <a:gd name="T85" fmla="*/ 332 h 515"/>
                <a:gd name="T86" fmla="*/ 493 w 3977"/>
                <a:gd name="T87" fmla="*/ 515 h 515"/>
                <a:gd name="T88" fmla="*/ 396 w 3977"/>
                <a:gd name="T89" fmla="*/ 332 h 515"/>
                <a:gd name="T90" fmla="*/ 172 w 3977"/>
                <a:gd name="T91" fmla="*/ 61 h 515"/>
                <a:gd name="T92" fmla="*/ 114 w 3977"/>
                <a:gd name="T93" fmla="*/ 419 h 515"/>
                <a:gd name="T94" fmla="*/ 53 w 3977"/>
                <a:gd name="T95" fmla="*/ 421 h 515"/>
                <a:gd name="T96" fmla="*/ 349 w 3977"/>
                <a:gd name="T97" fmla="*/ 175 h 515"/>
                <a:gd name="T98" fmla="*/ 3135 w 3977"/>
                <a:gd name="T99" fmla="*/ 313 h 515"/>
                <a:gd name="T100" fmla="*/ 3036 w 3977"/>
                <a:gd name="T101" fmla="*/ 491 h 515"/>
                <a:gd name="T102" fmla="*/ 3021 w 3977"/>
                <a:gd name="T103" fmla="*/ 212 h 5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3977" h="515">
                  <a:moveTo>
                    <a:pt x="3918" y="318"/>
                  </a:moveTo>
                  <a:lnTo>
                    <a:pt x="3918" y="318"/>
                  </a:lnTo>
                  <a:cubicBezTo>
                    <a:pt x="3921" y="255"/>
                    <a:pt x="3878" y="229"/>
                    <a:pt x="3842" y="229"/>
                  </a:cubicBezTo>
                  <a:cubicBezTo>
                    <a:pt x="3794" y="229"/>
                    <a:pt x="3766" y="265"/>
                    <a:pt x="3762" y="318"/>
                  </a:cubicBezTo>
                  <a:lnTo>
                    <a:pt x="3918" y="318"/>
                  </a:lnTo>
                  <a:lnTo>
                    <a:pt x="3918" y="318"/>
                  </a:lnTo>
                  <a:close/>
                  <a:moveTo>
                    <a:pt x="3762" y="332"/>
                  </a:moveTo>
                  <a:lnTo>
                    <a:pt x="3762" y="332"/>
                  </a:lnTo>
                  <a:cubicBezTo>
                    <a:pt x="3761" y="461"/>
                    <a:pt x="3838" y="493"/>
                    <a:pt x="3876" y="493"/>
                  </a:cubicBezTo>
                  <a:cubicBezTo>
                    <a:pt x="3916" y="493"/>
                    <a:pt x="3936" y="479"/>
                    <a:pt x="3977" y="433"/>
                  </a:cubicBezTo>
                  <a:lnTo>
                    <a:pt x="3977" y="454"/>
                  </a:lnTo>
                  <a:cubicBezTo>
                    <a:pt x="3943" y="498"/>
                    <a:pt x="3909" y="515"/>
                    <a:pt x="3859" y="515"/>
                  </a:cubicBezTo>
                  <a:cubicBezTo>
                    <a:pt x="3770" y="515"/>
                    <a:pt x="3705" y="453"/>
                    <a:pt x="3705" y="367"/>
                  </a:cubicBezTo>
                  <a:cubicBezTo>
                    <a:pt x="3705" y="280"/>
                    <a:pt x="3768" y="212"/>
                    <a:pt x="3849" y="212"/>
                  </a:cubicBezTo>
                  <a:cubicBezTo>
                    <a:pt x="3915" y="212"/>
                    <a:pt x="3977" y="266"/>
                    <a:pt x="3973" y="332"/>
                  </a:cubicBezTo>
                  <a:lnTo>
                    <a:pt x="3762" y="332"/>
                  </a:lnTo>
                  <a:lnTo>
                    <a:pt x="3762" y="332"/>
                  </a:lnTo>
                  <a:close/>
                  <a:moveTo>
                    <a:pt x="3640" y="444"/>
                  </a:moveTo>
                  <a:lnTo>
                    <a:pt x="3640" y="444"/>
                  </a:lnTo>
                  <a:cubicBezTo>
                    <a:pt x="3640" y="482"/>
                    <a:pt x="3648" y="493"/>
                    <a:pt x="3688" y="493"/>
                  </a:cubicBezTo>
                  <a:lnTo>
                    <a:pt x="3688" y="507"/>
                  </a:lnTo>
                  <a:lnTo>
                    <a:pt x="3536" y="507"/>
                  </a:lnTo>
                  <a:lnTo>
                    <a:pt x="3536" y="493"/>
                  </a:lnTo>
                  <a:cubicBezTo>
                    <a:pt x="3574" y="493"/>
                    <a:pt x="3585" y="484"/>
                    <a:pt x="3585" y="457"/>
                  </a:cubicBezTo>
                  <a:lnTo>
                    <a:pt x="3585" y="308"/>
                  </a:lnTo>
                  <a:cubicBezTo>
                    <a:pt x="3585" y="262"/>
                    <a:pt x="3552" y="242"/>
                    <a:pt x="3521" y="242"/>
                  </a:cubicBezTo>
                  <a:cubicBezTo>
                    <a:pt x="3493" y="242"/>
                    <a:pt x="3468" y="260"/>
                    <a:pt x="3439" y="298"/>
                  </a:cubicBezTo>
                  <a:lnTo>
                    <a:pt x="3439" y="438"/>
                  </a:lnTo>
                  <a:cubicBezTo>
                    <a:pt x="3439" y="482"/>
                    <a:pt x="3445" y="493"/>
                    <a:pt x="3488" y="493"/>
                  </a:cubicBezTo>
                  <a:lnTo>
                    <a:pt x="3488" y="507"/>
                  </a:lnTo>
                  <a:lnTo>
                    <a:pt x="3337" y="507"/>
                  </a:lnTo>
                  <a:lnTo>
                    <a:pt x="3337" y="493"/>
                  </a:lnTo>
                  <a:cubicBezTo>
                    <a:pt x="3375" y="493"/>
                    <a:pt x="3385" y="490"/>
                    <a:pt x="3385" y="438"/>
                  </a:cubicBezTo>
                  <a:lnTo>
                    <a:pt x="3385" y="277"/>
                  </a:lnTo>
                  <a:cubicBezTo>
                    <a:pt x="3385" y="242"/>
                    <a:pt x="3376" y="235"/>
                    <a:pt x="3337" y="235"/>
                  </a:cubicBezTo>
                  <a:lnTo>
                    <a:pt x="3337" y="221"/>
                  </a:lnTo>
                  <a:lnTo>
                    <a:pt x="3426" y="212"/>
                  </a:lnTo>
                  <a:lnTo>
                    <a:pt x="3439" y="212"/>
                  </a:lnTo>
                  <a:lnTo>
                    <a:pt x="3439" y="270"/>
                  </a:lnTo>
                  <a:cubicBezTo>
                    <a:pt x="3473" y="231"/>
                    <a:pt x="3507" y="212"/>
                    <a:pt x="3543" y="212"/>
                  </a:cubicBezTo>
                  <a:cubicBezTo>
                    <a:pt x="3591" y="212"/>
                    <a:pt x="3640" y="246"/>
                    <a:pt x="3640" y="315"/>
                  </a:cubicBezTo>
                  <a:lnTo>
                    <a:pt x="3640" y="444"/>
                  </a:lnTo>
                  <a:lnTo>
                    <a:pt x="3640" y="444"/>
                  </a:lnTo>
                  <a:close/>
                  <a:moveTo>
                    <a:pt x="3280" y="99"/>
                  </a:moveTo>
                  <a:lnTo>
                    <a:pt x="3280" y="99"/>
                  </a:lnTo>
                  <a:cubicBezTo>
                    <a:pt x="3280" y="119"/>
                    <a:pt x="3265" y="135"/>
                    <a:pt x="3245" y="135"/>
                  </a:cubicBezTo>
                  <a:cubicBezTo>
                    <a:pt x="3226" y="135"/>
                    <a:pt x="3210" y="119"/>
                    <a:pt x="3210" y="99"/>
                  </a:cubicBezTo>
                  <a:cubicBezTo>
                    <a:pt x="3210" y="80"/>
                    <a:pt x="3226" y="65"/>
                    <a:pt x="3245" y="65"/>
                  </a:cubicBezTo>
                  <a:cubicBezTo>
                    <a:pt x="3265" y="65"/>
                    <a:pt x="3280" y="80"/>
                    <a:pt x="3280" y="99"/>
                  </a:cubicBezTo>
                  <a:lnTo>
                    <a:pt x="3280" y="99"/>
                  </a:lnTo>
                  <a:close/>
                  <a:moveTo>
                    <a:pt x="3272" y="453"/>
                  </a:moveTo>
                  <a:lnTo>
                    <a:pt x="3272" y="453"/>
                  </a:lnTo>
                  <a:cubicBezTo>
                    <a:pt x="3272" y="482"/>
                    <a:pt x="3279" y="493"/>
                    <a:pt x="3320" y="493"/>
                  </a:cubicBezTo>
                  <a:lnTo>
                    <a:pt x="3320" y="507"/>
                  </a:lnTo>
                  <a:lnTo>
                    <a:pt x="3163" y="507"/>
                  </a:lnTo>
                  <a:lnTo>
                    <a:pt x="3163" y="493"/>
                  </a:lnTo>
                  <a:cubicBezTo>
                    <a:pt x="3207" y="493"/>
                    <a:pt x="3217" y="487"/>
                    <a:pt x="3217" y="453"/>
                  </a:cubicBezTo>
                  <a:lnTo>
                    <a:pt x="3217" y="278"/>
                  </a:lnTo>
                  <a:cubicBezTo>
                    <a:pt x="3217" y="238"/>
                    <a:pt x="3205" y="235"/>
                    <a:pt x="3163" y="235"/>
                  </a:cubicBezTo>
                  <a:lnTo>
                    <a:pt x="3163" y="221"/>
                  </a:lnTo>
                  <a:lnTo>
                    <a:pt x="3258" y="212"/>
                  </a:lnTo>
                  <a:lnTo>
                    <a:pt x="3272" y="212"/>
                  </a:lnTo>
                  <a:lnTo>
                    <a:pt x="3272" y="453"/>
                  </a:lnTo>
                  <a:lnTo>
                    <a:pt x="3272" y="453"/>
                  </a:lnTo>
                  <a:close/>
                  <a:moveTo>
                    <a:pt x="2812" y="99"/>
                  </a:moveTo>
                  <a:lnTo>
                    <a:pt x="2812" y="99"/>
                  </a:lnTo>
                  <a:cubicBezTo>
                    <a:pt x="2812" y="119"/>
                    <a:pt x="2797" y="135"/>
                    <a:pt x="2778" y="135"/>
                  </a:cubicBezTo>
                  <a:cubicBezTo>
                    <a:pt x="2758" y="135"/>
                    <a:pt x="2742" y="119"/>
                    <a:pt x="2742" y="99"/>
                  </a:cubicBezTo>
                  <a:cubicBezTo>
                    <a:pt x="2742" y="80"/>
                    <a:pt x="2758" y="65"/>
                    <a:pt x="2778" y="65"/>
                  </a:cubicBezTo>
                  <a:cubicBezTo>
                    <a:pt x="2797" y="65"/>
                    <a:pt x="2812" y="80"/>
                    <a:pt x="2812" y="99"/>
                  </a:cubicBezTo>
                  <a:lnTo>
                    <a:pt x="2812" y="99"/>
                  </a:lnTo>
                  <a:close/>
                  <a:moveTo>
                    <a:pt x="2804" y="453"/>
                  </a:moveTo>
                  <a:lnTo>
                    <a:pt x="2804" y="453"/>
                  </a:lnTo>
                  <a:cubicBezTo>
                    <a:pt x="2804" y="482"/>
                    <a:pt x="2811" y="493"/>
                    <a:pt x="2852" y="493"/>
                  </a:cubicBezTo>
                  <a:lnTo>
                    <a:pt x="2852" y="507"/>
                  </a:lnTo>
                  <a:lnTo>
                    <a:pt x="2695" y="507"/>
                  </a:lnTo>
                  <a:lnTo>
                    <a:pt x="2695" y="493"/>
                  </a:lnTo>
                  <a:cubicBezTo>
                    <a:pt x="2739" y="493"/>
                    <a:pt x="2749" y="487"/>
                    <a:pt x="2749" y="453"/>
                  </a:cubicBezTo>
                  <a:lnTo>
                    <a:pt x="2749" y="278"/>
                  </a:lnTo>
                  <a:cubicBezTo>
                    <a:pt x="2749" y="238"/>
                    <a:pt x="2737" y="235"/>
                    <a:pt x="2695" y="235"/>
                  </a:cubicBezTo>
                  <a:lnTo>
                    <a:pt x="2695" y="221"/>
                  </a:lnTo>
                  <a:lnTo>
                    <a:pt x="2790" y="212"/>
                  </a:lnTo>
                  <a:lnTo>
                    <a:pt x="2804" y="212"/>
                  </a:lnTo>
                  <a:lnTo>
                    <a:pt x="2804" y="453"/>
                  </a:lnTo>
                  <a:lnTo>
                    <a:pt x="2804" y="453"/>
                  </a:lnTo>
                  <a:close/>
                  <a:moveTo>
                    <a:pt x="2566" y="278"/>
                  </a:moveTo>
                  <a:lnTo>
                    <a:pt x="2566" y="278"/>
                  </a:lnTo>
                  <a:cubicBezTo>
                    <a:pt x="2543" y="247"/>
                    <a:pt x="2512" y="229"/>
                    <a:pt x="2483" y="229"/>
                  </a:cubicBezTo>
                  <a:cubicBezTo>
                    <a:pt x="2431" y="229"/>
                    <a:pt x="2395" y="276"/>
                    <a:pt x="2395" y="346"/>
                  </a:cubicBezTo>
                  <a:cubicBezTo>
                    <a:pt x="2395" y="414"/>
                    <a:pt x="2427" y="494"/>
                    <a:pt x="2521" y="494"/>
                  </a:cubicBezTo>
                  <a:cubicBezTo>
                    <a:pt x="2553" y="494"/>
                    <a:pt x="2566" y="481"/>
                    <a:pt x="2566" y="450"/>
                  </a:cubicBezTo>
                  <a:lnTo>
                    <a:pt x="2566" y="278"/>
                  </a:lnTo>
                  <a:lnTo>
                    <a:pt x="2566" y="278"/>
                  </a:lnTo>
                  <a:close/>
                  <a:moveTo>
                    <a:pt x="2621" y="451"/>
                  </a:moveTo>
                  <a:lnTo>
                    <a:pt x="2621" y="451"/>
                  </a:lnTo>
                  <a:cubicBezTo>
                    <a:pt x="2621" y="482"/>
                    <a:pt x="2632" y="493"/>
                    <a:pt x="2669" y="493"/>
                  </a:cubicBezTo>
                  <a:lnTo>
                    <a:pt x="2669" y="507"/>
                  </a:lnTo>
                  <a:lnTo>
                    <a:pt x="2502" y="507"/>
                  </a:lnTo>
                  <a:cubicBezTo>
                    <a:pt x="2381" y="507"/>
                    <a:pt x="2336" y="425"/>
                    <a:pt x="2336" y="358"/>
                  </a:cubicBezTo>
                  <a:cubicBezTo>
                    <a:pt x="2336" y="277"/>
                    <a:pt x="2395" y="212"/>
                    <a:pt x="2470" y="212"/>
                  </a:cubicBezTo>
                  <a:cubicBezTo>
                    <a:pt x="2500" y="212"/>
                    <a:pt x="2530" y="223"/>
                    <a:pt x="2566" y="247"/>
                  </a:cubicBezTo>
                  <a:lnTo>
                    <a:pt x="2566" y="72"/>
                  </a:lnTo>
                  <a:cubicBezTo>
                    <a:pt x="2566" y="31"/>
                    <a:pt x="2556" y="23"/>
                    <a:pt x="2528" y="23"/>
                  </a:cubicBezTo>
                  <a:lnTo>
                    <a:pt x="2512" y="23"/>
                  </a:lnTo>
                  <a:lnTo>
                    <a:pt x="2512" y="9"/>
                  </a:lnTo>
                  <a:lnTo>
                    <a:pt x="2607" y="0"/>
                  </a:lnTo>
                  <a:lnTo>
                    <a:pt x="2621" y="0"/>
                  </a:lnTo>
                  <a:lnTo>
                    <a:pt x="2621" y="451"/>
                  </a:lnTo>
                  <a:lnTo>
                    <a:pt x="2621" y="451"/>
                  </a:lnTo>
                  <a:close/>
                  <a:moveTo>
                    <a:pt x="2236" y="318"/>
                  </a:moveTo>
                  <a:lnTo>
                    <a:pt x="2236" y="318"/>
                  </a:lnTo>
                  <a:cubicBezTo>
                    <a:pt x="2239" y="255"/>
                    <a:pt x="2196" y="229"/>
                    <a:pt x="2159" y="229"/>
                  </a:cubicBezTo>
                  <a:cubicBezTo>
                    <a:pt x="2112" y="229"/>
                    <a:pt x="2083" y="265"/>
                    <a:pt x="2080" y="318"/>
                  </a:cubicBezTo>
                  <a:lnTo>
                    <a:pt x="2236" y="318"/>
                  </a:lnTo>
                  <a:lnTo>
                    <a:pt x="2236" y="318"/>
                  </a:lnTo>
                  <a:close/>
                  <a:moveTo>
                    <a:pt x="2080" y="332"/>
                  </a:moveTo>
                  <a:lnTo>
                    <a:pt x="2080" y="332"/>
                  </a:lnTo>
                  <a:cubicBezTo>
                    <a:pt x="2079" y="461"/>
                    <a:pt x="2155" y="493"/>
                    <a:pt x="2194" y="493"/>
                  </a:cubicBezTo>
                  <a:cubicBezTo>
                    <a:pt x="2234" y="493"/>
                    <a:pt x="2254" y="479"/>
                    <a:pt x="2295" y="433"/>
                  </a:cubicBezTo>
                  <a:lnTo>
                    <a:pt x="2295" y="454"/>
                  </a:lnTo>
                  <a:cubicBezTo>
                    <a:pt x="2260" y="498"/>
                    <a:pt x="2227" y="515"/>
                    <a:pt x="2177" y="515"/>
                  </a:cubicBezTo>
                  <a:cubicBezTo>
                    <a:pt x="2088" y="515"/>
                    <a:pt x="2023" y="453"/>
                    <a:pt x="2023" y="367"/>
                  </a:cubicBezTo>
                  <a:cubicBezTo>
                    <a:pt x="2023" y="280"/>
                    <a:pt x="2086" y="212"/>
                    <a:pt x="2167" y="212"/>
                  </a:cubicBezTo>
                  <a:cubicBezTo>
                    <a:pt x="2233" y="212"/>
                    <a:pt x="2294" y="266"/>
                    <a:pt x="2290" y="332"/>
                  </a:cubicBezTo>
                  <a:lnTo>
                    <a:pt x="2080" y="332"/>
                  </a:lnTo>
                  <a:lnTo>
                    <a:pt x="2080" y="332"/>
                  </a:lnTo>
                  <a:close/>
                  <a:moveTo>
                    <a:pt x="1977" y="57"/>
                  </a:moveTo>
                  <a:lnTo>
                    <a:pt x="1977" y="57"/>
                  </a:lnTo>
                  <a:cubicBezTo>
                    <a:pt x="1937" y="58"/>
                    <a:pt x="1922" y="86"/>
                    <a:pt x="1925" y="129"/>
                  </a:cubicBezTo>
                  <a:lnTo>
                    <a:pt x="1949" y="414"/>
                  </a:lnTo>
                  <a:cubicBezTo>
                    <a:pt x="1954" y="471"/>
                    <a:pt x="1963" y="489"/>
                    <a:pt x="2006" y="493"/>
                  </a:cubicBezTo>
                  <a:lnTo>
                    <a:pt x="2006" y="507"/>
                  </a:lnTo>
                  <a:lnTo>
                    <a:pt x="1840" y="507"/>
                  </a:lnTo>
                  <a:lnTo>
                    <a:pt x="1840" y="493"/>
                  </a:lnTo>
                  <a:cubicBezTo>
                    <a:pt x="1878" y="486"/>
                    <a:pt x="1890" y="469"/>
                    <a:pt x="1887" y="423"/>
                  </a:cubicBezTo>
                  <a:lnTo>
                    <a:pt x="1865" y="124"/>
                  </a:lnTo>
                  <a:lnTo>
                    <a:pt x="1863" y="124"/>
                  </a:lnTo>
                  <a:lnTo>
                    <a:pt x="1705" y="507"/>
                  </a:lnTo>
                  <a:lnTo>
                    <a:pt x="1693" y="507"/>
                  </a:lnTo>
                  <a:lnTo>
                    <a:pt x="1537" y="124"/>
                  </a:lnTo>
                  <a:lnTo>
                    <a:pt x="1536" y="124"/>
                  </a:lnTo>
                  <a:lnTo>
                    <a:pt x="1510" y="410"/>
                  </a:lnTo>
                  <a:cubicBezTo>
                    <a:pt x="1506" y="456"/>
                    <a:pt x="1523" y="484"/>
                    <a:pt x="1570" y="493"/>
                  </a:cubicBezTo>
                  <a:lnTo>
                    <a:pt x="1570" y="507"/>
                  </a:lnTo>
                  <a:lnTo>
                    <a:pt x="1426" y="507"/>
                  </a:lnTo>
                  <a:lnTo>
                    <a:pt x="1426" y="493"/>
                  </a:lnTo>
                  <a:cubicBezTo>
                    <a:pt x="1473" y="486"/>
                    <a:pt x="1480" y="459"/>
                    <a:pt x="1485" y="408"/>
                  </a:cubicBezTo>
                  <a:lnTo>
                    <a:pt x="1513" y="90"/>
                  </a:lnTo>
                  <a:cubicBezTo>
                    <a:pt x="1495" y="70"/>
                    <a:pt x="1479" y="61"/>
                    <a:pt x="1453" y="57"/>
                  </a:cubicBezTo>
                  <a:lnTo>
                    <a:pt x="1453" y="44"/>
                  </a:lnTo>
                  <a:lnTo>
                    <a:pt x="1570" y="44"/>
                  </a:lnTo>
                  <a:lnTo>
                    <a:pt x="1718" y="408"/>
                  </a:lnTo>
                  <a:lnTo>
                    <a:pt x="1868" y="44"/>
                  </a:lnTo>
                  <a:lnTo>
                    <a:pt x="1977" y="44"/>
                  </a:lnTo>
                  <a:lnTo>
                    <a:pt x="1977" y="57"/>
                  </a:lnTo>
                  <a:lnTo>
                    <a:pt x="1977" y="57"/>
                  </a:lnTo>
                  <a:close/>
                  <a:moveTo>
                    <a:pt x="1294" y="444"/>
                  </a:moveTo>
                  <a:lnTo>
                    <a:pt x="1294" y="444"/>
                  </a:lnTo>
                  <a:cubicBezTo>
                    <a:pt x="1294" y="482"/>
                    <a:pt x="1302" y="493"/>
                    <a:pt x="1342" y="493"/>
                  </a:cubicBezTo>
                  <a:lnTo>
                    <a:pt x="1342" y="507"/>
                  </a:lnTo>
                  <a:lnTo>
                    <a:pt x="1190" y="507"/>
                  </a:lnTo>
                  <a:lnTo>
                    <a:pt x="1190" y="493"/>
                  </a:lnTo>
                  <a:cubicBezTo>
                    <a:pt x="1228" y="493"/>
                    <a:pt x="1239" y="484"/>
                    <a:pt x="1239" y="457"/>
                  </a:cubicBezTo>
                  <a:lnTo>
                    <a:pt x="1239" y="308"/>
                  </a:lnTo>
                  <a:cubicBezTo>
                    <a:pt x="1239" y="262"/>
                    <a:pt x="1206" y="242"/>
                    <a:pt x="1175" y="242"/>
                  </a:cubicBezTo>
                  <a:cubicBezTo>
                    <a:pt x="1147" y="242"/>
                    <a:pt x="1122" y="260"/>
                    <a:pt x="1093" y="298"/>
                  </a:cubicBezTo>
                  <a:lnTo>
                    <a:pt x="1093" y="438"/>
                  </a:lnTo>
                  <a:cubicBezTo>
                    <a:pt x="1093" y="482"/>
                    <a:pt x="1099" y="493"/>
                    <a:pt x="1142" y="493"/>
                  </a:cubicBezTo>
                  <a:lnTo>
                    <a:pt x="1142" y="507"/>
                  </a:lnTo>
                  <a:lnTo>
                    <a:pt x="991" y="507"/>
                  </a:lnTo>
                  <a:lnTo>
                    <a:pt x="991" y="493"/>
                  </a:lnTo>
                  <a:cubicBezTo>
                    <a:pt x="1029" y="493"/>
                    <a:pt x="1039" y="490"/>
                    <a:pt x="1039" y="438"/>
                  </a:cubicBezTo>
                  <a:lnTo>
                    <a:pt x="1039" y="277"/>
                  </a:lnTo>
                  <a:cubicBezTo>
                    <a:pt x="1039" y="242"/>
                    <a:pt x="1030" y="235"/>
                    <a:pt x="991" y="235"/>
                  </a:cubicBezTo>
                  <a:lnTo>
                    <a:pt x="991" y="221"/>
                  </a:lnTo>
                  <a:lnTo>
                    <a:pt x="1080" y="212"/>
                  </a:lnTo>
                  <a:lnTo>
                    <a:pt x="1093" y="212"/>
                  </a:lnTo>
                  <a:lnTo>
                    <a:pt x="1093" y="270"/>
                  </a:lnTo>
                  <a:cubicBezTo>
                    <a:pt x="1127" y="231"/>
                    <a:pt x="1161" y="212"/>
                    <a:pt x="1197" y="212"/>
                  </a:cubicBezTo>
                  <a:cubicBezTo>
                    <a:pt x="1245" y="212"/>
                    <a:pt x="1294" y="246"/>
                    <a:pt x="1294" y="315"/>
                  </a:cubicBezTo>
                  <a:lnTo>
                    <a:pt x="1294" y="444"/>
                  </a:lnTo>
                  <a:lnTo>
                    <a:pt x="1294" y="444"/>
                  </a:lnTo>
                  <a:close/>
                  <a:moveTo>
                    <a:pt x="930" y="444"/>
                  </a:moveTo>
                  <a:lnTo>
                    <a:pt x="930" y="444"/>
                  </a:lnTo>
                  <a:cubicBezTo>
                    <a:pt x="930" y="482"/>
                    <a:pt x="938" y="493"/>
                    <a:pt x="978" y="493"/>
                  </a:cubicBezTo>
                  <a:lnTo>
                    <a:pt x="978" y="507"/>
                  </a:lnTo>
                  <a:lnTo>
                    <a:pt x="826" y="507"/>
                  </a:lnTo>
                  <a:lnTo>
                    <a:pt x="826" y="493"/>
                  </a:lnTo>
                  <a:cubicBezTo>
                    <a:pt x="864" y="493"/>
                    <a:pt x="875" y="484"/>
                    <a:pt x="875" y="457"/>
                  </a:cubicBezTo>
                  <a:lnTo>
                    <a:pt x="875" y="308"/>
                  </a:lnTo>
                  <a:cubicBezTo>
                    <a:pt x="875" y="262"/>
                    <a:pt x="842" y="242"/>
                    <a:pt x="811" y="242"/>
                  </a:cubicBezTo>
                  <a:cubicBezTo>
                    <a:pt x="783" y="242"/>
                    <a:pt x="758" y="260"/>
                    <a:pt x="730" y="298"/>
                  </a:cubicBezTo>
                  <a:lnTo>
                    <a:pt x="730" y="438"/>
                  </a:lnTo>
                  <a:cubicBezTo>
                    <a:pt x="730" y="482"/>
                    <a:pt x="735" y="493"/>
                    <a:pt x="778" y="493"/>
                  </a:cubicBezTo>
                  <a:lnTo>
                    <a:pt x="778" y="507"/>
                  </a:lnTo>
                  <a:lnTo>
                    <a:pt x="627" y="507"/>
                  </a:lnTo>
                  <a:lnTo>
                    <a:pt x="627" y="493"/>
                  </a:lnTo>
                  <a:cubicBezTo>
                    <a:pt x="665" y="493"/>
                    <a:pt x="675" y="490"/>
                    <a:pt x="675" y="438"/>
                  </a:cubicBezTo>
                  <a:lnTo>
                    <a:pt x="675" y="277"/>
                  </a:lnTo>
                  <a:cubicBezTo>
                    <a:pt x="675" y="242"/>
                    <a:pt x="666" y="235"/>
                    <a:pt x="627" y="235"/>
                  </a:cubicBezTo>
                  <a:lnTo>
                    <a:pt x="627" y="221"/>
                  </a:lnTo>
                  <a:lnTo>
                    <a:pt x="716" y="212"/>
                  </a:lnTo>
                  <a:lnTo>
                    <a:pt x="730" y="212"/>
                  </a:lnTo>
                  <a:lnTo>
                    <a:pt x="730" y="270"/>
                  </a:lnTo>
                  <a:cubicBezTo>
                    <a:pt x="763" y="231"/>
                    <a:pt x="797" y="212"/>
                    <a:pt x="833" y="212"/>
                  </a:cubicBezTo>
                  <a:cubicBezTo>
                    <a:pt x="881" y="212"/>
                    <a:pt x="930" y="246"/>
                    <a:pt x="930" y="315"/>
                  </a:cubicBezTo>
                  <a:lnTo>
                    <a:pt x="930" y="444"/>
                  </a:lnTo>
                  <a:lnTo>
                    <a:pt x="930" y="444"/>
                  </a:lnTo>
                  <a:close/>
                  <a:moveTo>
                    <a:pt x="552" y="318"/>
                  </a:moveTo>
                  <a:lnTo>
                    <a:pt x="552" y="318"/>
                  </a:lnTo>
                  <a:cubicBezTo>
                    <a:pt x="555" y="255"/>
                    <a:pt x="512" y="229"/>
                    <a:pt x="475" y="229"/>
                  </a:cubicBezTo>
                  <a:cubicBezTo>
                    <a:pt x="428" y="229"/>
                    <a:pt x="399" y="265"/>
                    <a:pt x="396" y="318"/>
                  </a:cubicBezTo>
                  <a:lnTo>
                    <a:pt x="552" y="318"/>
                  </a:lnTo>
                  <a:lnTo>
                    <a:pt x="552" y="318"/>
                  </a:lnTo>
                  <a:close/>
                  <a:moveTo>
                    <a:pt x="396" y="332"/>
                  </a:moveTo>
                  <a:lnTo>
                    <a:pt x="396" y="332"/>
                  </a:lnTo>
                  <a:cubicBezTo>
                    <a:pt x="395" y="461"/>
                    <a:pt x="471" y="493"/>
                    <a:pt x="510" y="493"/>
                  </a:cubicBezTo>
                  <a:cubicBezTo>
                    <a:pt x="550" y="493"/>
                    <a:pt x="570" y="479"/>
                    <a:pt x="611" y="433"/>
                  </a:cubicBezTo>
                  <a:lnTo>
                    <a:pt x="611" y="454"/>
                  </a:lnTo>
                  <a:cubicBezTo>
                    <a:pt x="576" y="498"/>
                    <a:pt x="543" y="515"/>
                    <a:pt x="493" y="515"/>
                  </a:cubicBezTo>
                  <a:cubicBezTo>
                    <a:pt x="403" y="515"/>
                    <a:pt x="339" y="453"/>
                    <a:pt x="339" y="367"/>
                  </a:cubicBezTo>
                  <a:cubicBezTo>
                    <a:pt x="339" y="280"/>
                    <a:pt x="402" y="212"/>
                    <a:pt x="483" y="212"/>
                  </a:cubicBezTo>
                  <a:cubicBezTo>
                    <a:pt x="549" y="212"/>
                    <a:pt x="610" y="266"/>
                    <a:pt x="606" y="332"/>
                  </a:cubicBezTo>
                  <a:lnTo>
                    <a:pt x="396" y="332"/>
                  </a:lnTo>
                  <a:lnTo>
                    <a:pt x="396" y="332"/>
                  </a:lnTo>
                  <a:close/>
                  <a:moveTo>
                    <a:pt x="114" y="269"/>
                  </a:moveTo>
                  <a:lnTo>
                    <a:pt x="114" y="269"/>
                  </a:lnTo>
                  <a:cubicBezTo>
                    <a:pt x="135" y="276"/>
                    <a:pt x="147" y="277"/>
                    <a:pt x="172" y="277"/>
                  </a:cubicBezTo>
                  <a:cubicBezTo>
                    <a:pt x="240" y="277"/>
                    <a:pt x="284" y="240"/>
                    <a:pt x="284" y="177"/>
                  </a:cubicBezTo>
                  <a:cubicBezTo>
                    <a:pt x="284" y="128"/>
                    <a:pt x="257" y="61"/>
                    <a:pt x="172" y="61"/>
                  </a:cubicBezTo>
                  <a:lnTo>
                    <a:pt x="114" y="61"/>
                  </a:lnTo>
                  <a:lnTo>
                    <a:pt x="114" y="269"/>
                  </a:lnTo>
                  <a:lnTo>
                    <a:pt x="114" y="269"/>
                  </a:lnTo>
                  <a:close/>
                  <a:moveTo>
                    <a:pt x="114" y="419"/>
                  </a:moveTo>
                  <a:lnTo>
                    <a:pt x="114" y="419"/>
                  </a:lnTo>
                  <a:cubicBezTo>
                    <a:pt x="114" y="477"/>
                    <a:pt x="128" y="493"/>
                    <a:pt x="167" y="493"/>
                  </a:cubicBezTo>
                  <a:lnTo>
                    <a:pt x="167" y="507"/>
                  </a:lnTo>
                  <a:lnTo>
                    <a:pt x="0" y="507"/>
                  </a:lnTo>
                  <a:lnTo>
                    <a:pt x="0" y="493"/>
                  </a:lnTo>
                  <a:cubicBezTo>
                    <a:pt x="33" y="493"/>
                    <a:pt x="53" y="482"/>
                    <a:pt x="53" y="421"/>
                  </a:cubicBezTo>
                  <a:lnTo>
                    <a:pt x="53" y="131"/>
                  </a:lnTo>
                  <a:cubicBezTo>
                    <a:pt x="53" y="74"/>
                    <a:pt x="39" y="57"/>
                    <a:pt x="0" y="57"/>
                  </a:cubicBezTo>
                  <a:lnTo>
                    <a:pt x="0" y="44"/>
                  </a:lnTo>
                  <a:lnTo>
                    <a:pt x="169" y="44"/>
                  </a:lnTo>
                  <a:cubicBezTo>
                    <a:pt x="297" y="44"/>
                    <a:pt x="349" y="111"/>
                    <a:pt x="349" y="175"/>
                  </a:cubicBezTo>
                  <a:cubicBezTo>
                    <a:pt x="349" y="252"/>
                    <a:pt x="290" y="295"/>
                    <a:pt x="185" y="295"/>
                  </a:cubicBezTo>
                  <a:cubicBezTo>
                    <a:pt x="165" y="295"/>
                    <a:pt x="148" y="294"/>
                    <a:pt x="114" y="290"/>
                  </a:cubicBezTo>
                  <a:lnTo>
                    <a:pt x="114" y="419"/>
                  </a:lnTo>
                  <a:lnTo>
                    <a:pt x="114" y="419"/>
                  </a:lnTo>
                  <a:close/>
                  <a:moveTo>
                    <a:pt x="3135" y="313"/>
                  </a:moveTo>
                  <a:lnTo>
                    <a:pt x="3135" y="313"/>
                  </a:lnTo>
                  <a:lnTo>
                    <a:pt x="3121" y="313"/>
                  </a:lnTo>
                  <a:cubicBezTo>
                    <a:pt x="3109" y="262"/>
                    <a:pt x="3073" y="229"/>
                    <a:pt x="3025" y="229"/>
                  </a:cubicBezTo>
                  <a:cubicBezTo>
                    <a:pt x="2968" y="229"/>
                    <a:pt x="2929" y="277"/>
                    <a:pt x="2929" y="347"/>
                  </a:cubicBezTo>
                  <a:cubicBezTo>
                    <a:pt x="2929" y="426"/>
                    <a:pt x="2978" y="491"/>
                    <a:pt x="3036" y="491"/>
                  </a:cubicBezTo>
                  <a:cubicBezTo>
                    <a:pt x="3071" y="491"/>
                    <a:pt x="3113" y="473"/>
                    <a:pt x="3143" y="431"/>
                  </a:cubicBezTo>
                  <a:lnTo>
                    <a:pt x="3143" y="452"/>
                  </a:lnTo>
                  <a:cubicBezTo>
                    <a:pt x="3112" y="494"/>
                    <a:pt x="3069" y="515"/>
                    <a:pt x="3017" y="515"/>
                  </a:cubicBezTo>
                  <a:cubicBezTo>
                    <a:pt x="2932" y="515"/>
                    <a:pt x="2873" y="456"/>
                    <a:pt x="2873" y="371"/>
                  </a:cubicBezTo>
                  <a:cubicBezTo>
                    <a:pt x="2873" y="283"/>
                    <a:pt x="2939" y="212"/>
                    <a:pt x="3021" y="212"/>
                  </a:cubicBezTo>
                  <a:cubicBezTo>
                    <a:pt x="3064" y="212"/>
                    <a:pt x="3087" y="229"/>
                    <a:pt x="3102" y="229"/>
                  </a:cubicBezTo>
                  <a:cubicBezTo>
                    <a:pt x="3109" y="229"/>
                    <a:pt x="3116" y="223"/>
                    <a:pt x="3121" y="212"/>
                  </a:cubicBezTo>
                  <a:lnTo>
                    <a:pt x="3135" y="212"/>
                  </a:lnTo>
                  <a:lnTo>
                    <a:pt x="3135" y="313"/>
                  </a:lnTo>
                  <a:close/>
                </a:path>
              </a:pathLst>
            </a:custGeom>
            <a:solidFill>
              <a:schemeClr val="accent1"/>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Calibri"/>
                <a:ea typeface="+mn-ea"/>
                <a:cs typeface="+mn-cs"/>
              </a:endParaRPr>
            </a:p>
          </p:txBody>
        </p:sp>
      </p:grpSp>
    </p:spTree>
    <p:extLst>
      <p:ext uri="{BB962C8B-B14F-4D97-AF65-F5344CB8AC3E}">
        <p14:creationId xmlns:p14="http://schemas.microsoft.com/office/powerpoint/2010/main" val="241361873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7"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Closing C">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grpSp>
        <p:nvGrpSpPr>
          <p:cNvPr id="8" name="Group 7">
            <a:extLst>
              <a:ext uri="{FF2B5EF4-FFF2-40B4-BE49-F238E27FC236}">
                <a16:creationId xmlns:a16="http://schemas.microsoft.com/office/drawing/2014/main" id="{E713D132-8C61-C600-AFB3-F62335C60208}"/>
              </a:ext>
            </a:extLst>
          </p:cNvPr>
          <p:cNvGrpSpPr/>
          <p:nvPr userDrawn="1"/>
        </p:nvGrpSpPr>
        <p:grpSpPr>
          <a:xfrm>
            <a:off x="4724397" y="3211027"/>
            <a:ext cx="2743202" cy="435946"/>
            <a:chOff x="4724397" y="3211027"/>
            <a:chExt cx="2743202" cy="435946"/>
          </a:xfrm>
        </p:grpSpPr>
        <p:pic>
          <p:nvPicPr>
            <p:cNvPr id="9" name="Picture 8">
              <a:extLst>
                <a:ext uri="{FF2B5EF4-FFF2-40B4-BE49-F238E27FC236}">
                  <a16:creationId xmlns:a16="http://schemas.microsoft.com/office/drawing/2014/main" id="{5FF09B02-6C86-BF07-BC42-4DA86C0C91C0}"/>
                </a:ext>
              </a:extLst>
            </p:cNvPr>
            <p:cNvPicPr>
              <a:picLocks noChangeAspect="1"/>
            </p:cNvPicPr>
            <p:nvPr/>
          </p:nvPicPr>
          <p:blipFill rotWithShape="1">
            <a:blip r:embed="rId3">
              <a:extLst>
                <a:ext uri="{28A0092B-C50C-407E-A947-70E740481C1C}">
                  <a14:useLocalDpi xmlns:a14="http://schemas.microsoft.com/office/drawing/2010/main" val="0"/>
                </a:ext>
              </a:extLst>
            </a:blip>
            <a:srcRect r="86053"/>
            <a:stretch/>
          </p:blipFill>
          <p:spPr>
            <a:xfrm>
              <a:off x="4724397" y="3211027"/>
              <a:ext cx="381588" cy="435946"/>
            </a:xfrm>
            <a:prstGeom prst="rect">
              <a:avLst/>
            </a:prstGeom>
          </p:spPr>
        </p:pic>
        <p:sp>
          <p:nvSpPr>
            <p:cNvPr id="10" name="Freeform 33">
              <a:extLst>
                <a:ext uri="{FF2B5EF4-FFF2-40B4-BE49-F238E27FC236}">
                  <a16:creationId xmlns:a16="http://schemas.microsoft.com/office/drawing/2014/main" id="{C106549B-7A55-FB9D-40AE-058D5282DBEE}"/>
                </a:ext>
              </a:extLst>
            </p:cNvPr>
            <p:cNvSpPr>
              <a:spLocks noEditPoints="1"/>
            </p:cNvSpPr>
            <p:nvPr/>
          </p:nvSpPr>
          <p:spPr bwMode="white">
            <a:xfrm>
              <a:off x="5218111" y="3211027"/>
              <a:ext cx="2249488" cy="295275"/>
            </a:xfrm>
            <a:custGeom>
              <a:avLst/>
              <a:gdLst>
                <a:gd name="T0" fmla="*/ 3918 w 3977"/>
                <a:gd name="T1" fmla="*/ 318 h 515"/>
                <a:gd name="T2" fmla="*/ 3977 w 3977"/>
                <a:gd name="T3" fmla="*/ 433 h 515"/>
                <a:gd name="T4" fmla="*/ 3973 w 3977"/>
                <a:gd name="T5" fmla="*/ 332 h 515"/>
                <a:gd name="T6" fmla="*/ 3688 w 3977"/>
                <a:gd name="T7" fmla="*/ 493 h 515"/>
                <a:gd name="T8" fmla="*/ 3585 w 3977"/>
                <a:gd name="T9" fmla="*/ 308 h 515"/>
                <a:gd name="T10" fmla="*/ 3488 w 3977"/>
                <a:gd name="T11" fmla="*/ 507 h 515"/>
                <a:gd name="T12" fmla="*/ 3337 w 3977"/>
                <a:gd name="T13" fmla="*/ 235 h 515"/>
                <a:gd name="T14" fmla="*/ 3543 w 3977"/>
                <a:gd name="T15" fmla="*/ 212 h 515"/>
                <a:gd name="T16" fmla="*/ 3280 w 3977"/>
                <a:gd name="T17" fmla="*/ 99 h 515"/>
                <a:gd name="T18" fmla="*/ 3280 w 3977"/>
                <a:gd name="T19" fmla="*/ 99 h 515"/>
                <a:gd name="T20" fmla="*/ 3163 w 3977"/>
                <a:gd name="T21" fmla="*/ 507 h 515"/>
                <a:gd name="T22" fmla="*/ 3163 w 3977"/>
                <a:gd name="T23" fmla="*/ 221 h 515"/>
                <a:gd name="T24" fmla="*/ 2812 w 3977"/>
                <a:gd name="T25" fmla="*/ 99 h 515"/>
                <a:gd name="T26" fmla="*/ 2812 w 3977"/>
                <a:gd name="T27" fmla="*/ 99 h 515"/>
                <a:gd name="T28" fmla="*/ 2852 w 3977"/>
                <a:gd name="T29" fmla="*/ 507 h 515"/>
                <a:gd name="T30" fmla="*/ 2695 w 3977"/>
                <a:gd name="T31" fmla="*/ 235 h 515"/>
                <a:gd name="T32" fmla="*/ 2804 w 3977"/>
                <a:gd name="T33" fmla="*/ 453 h 515"/>
                <a:gd name="T34" fmla="*/ 2521 w 3977"/>
                <a:gd name="T35" fmla="*/ 494 h 515"/>
                <a:gd name="T36" fmla="*/ 2621 w 3977"/>
                <a:gd name="T37" fmla="*/ 451 h 515"/>
                <a:gd name="T38" fmla="*/ 2470 w 3977"/>
                <a:gd name="T39" fmla="*/ 212 h 515"/>
                <a:gd name="T40" fmla="*/ 2512 w 3977"/>
                <a:gd name="T41" fmla="*/ 9 h 515"/>
                <a:gd name="T42" fmla="*/ 2236 w 3977"/>
                <a:gd name="T43" fmla="*/ 318 h 515"/>
                <a:gd name="T44" fmla="*/ 2236 w 3977"/>
                <a:gd name="T45" fmla="*/ 318 h 515"/>
                <a:gd name="T46" fmla="*/ 2295 w 3977"/>
                <a:gd name="T47" fmla="*/ 454 h 515"/>
                <a:gd name="T48" fmla="*/ 2080 w 3977"/>
                <a:gd name="T49" fmla="*/ 332 h 515"/>
                <a:gd name="T50" fmla="*/ 1949 w 3977"/>
                <a:gd name="T51" fmla="*/ 414 h 515"/>
                <a:gd name="T52" fmla="*/ 1887 w 3977"/>
                <a:gd name="T53" fmla="*/ 423 h 515"/>
                <a:gd name="T54" fmla="*/ 1537 w 3977"/>
                <a:gd name="T55" fmla="*/ 124 h 515"/>
                <a:gd name="T56" fmla="*/ 1426 w 3977"/>
                <a:gd name="T57" fmla="*/ 507 h 515"/>
                <a:gd name="T58" fmla="*/ 1453 w 3977"/>
                <a:gd name="T59" fmla="*/ 44 h 515"/>
                <a:gd name="T60" fmla="*/ 1977 w 3977"/>
                <a:gd name="T61" fmla="*/ 57 h 515"/>
                <a:gd name="T62" fmla="*/ 1342 w 3977"/>
                <a:gd name="T63" fmla="*/ 507 h 515"/>
                <a:gd name="T64" fmla="*/ 1175 w 3977"/>
                <a:gd name="T65" fmla="*/ 242 h 515"/>
                <a:gd name="T66" fmla="*/ 991 w 3977"/>
                <a:gd name="T67" fmla="*/ 507 h 515"/>
                <a:gd name="T68" fmla="*/ 991 w 3977"/>
                <a:gd name="T69" fmla="*/ 221 h 515"/>
                <a:gd name="T70" fmla="*/ 1294 w 3977"/>
                <a:gd name="T71" fmla="*/ 315 h 515"/>
                <a:gd name="T72" fmla="*/ 978 w 3977"/>
                <a:gd name="T73" fmla="*/ 493 h 515"/>
                <a:gd name="T74" fmla="*/ 875 w 3977"/>
                <a:gd name="T75" fmla="*/ 308 h 515"/>
                <a:gd name="T76" fmla="*/ 778 w 3977"/>
                <a:gd name="T77" fmla="*/ 507 h 515"/>
                <a:gd name="T78" fmla="*/ 627 w 3977"/>
                <a:gd name="T79" fmla="*/ 235 h 515"/>
                <a:gd name="T80" fmla="*/ 833 w 3977"/>
                <a:gd name="T81" fmla="*/ 212 h 515"/>
                <a:gd name="T82" fmla="*/ 552 w 3977"/>
                <a:gd name="T83" fmla="*/ 318 h 515"/>
                <a:gd name="T84" fmla="*/ 396 w 3977"/>
                <a:gd name="T85" fmla="*/ 332 h 515"/>
                <a:gd name="T86" fmla="*/ 493 w 3977"/>
                <a:gd name="T87" fmla="*/ 515 h 515"/>
                <a:gd name="T88" fmla="*/ 396 w 3977"/>
                <a:gd name="T89" fmla="*/ 332 h 515"/>
                <a:gd name="T90" fmla="*/ 172 w 3977"/>
                <a:gd name="T91" fmla="*/ 61 h 515"/>
                <a:gd name="T92" fmla="*/ 114 w 3977"/>
                <a:gd name="T93" fmla="*/ 419 h 515"/>
                <a:gd name="T94" fmla="*/ 53 w 3977"/>
                <a:gd name="T95" fmla="*/ 421 h 515"/>
                <a:gd name="T96" fmla="*/ 349 w 3977"/>
                <a:gd name="T97" fmla="*/ 175 h 515"/>
                <a:gd name="T98" fmla="*/ 3135 w 3977"/>
                <a:gd name="T99" fmla="*/ 313 h 515"/>
                <a:gd name="T100" fmla="*/ 3036 w 3977"/>
                <a:gd name="T101" fmla="*/ 491 h 515"/>
                <a:gd name="T102" fmla="*/ 3021 w 3977"/>
                <a:gd name="T103" fmla="*/ 212 h 5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3977" h="515">
                  <a:moveTo>
                    <a:pt x="3918" y="318"/>
                  </a:moveTo>
                  <a:lnTo>
                    <a:pt x="3918" y="318"/>
                  </a:lnTo>
                  <a:cubicBezTo>
                    <a:pt x="3921" y="255"/>
                    <a:pt x="3878" y="229"/>
                    <a:pt x="3842" y="229"/>
                  </a:cubicBezTo>
                  <a:cubicBezTo>
                    <a:pt x="3794" y="229"/>
                    <a:pt x="3766" y="265"/>
                    <a:pt x="3762" y="318"/>
                  </a:cubicBezTo>
                  <a:lnTo>
                    <a:pt x="3918" y="318"/>
                  </a:lnTo>
                  <a:lnTo>
                    <a:pt x="3918" y="318"/>
                  </a:lnTo>
                  <a:close/>
                  <a:moveTo>
                    <a:pt x="3762" y="332"/>
                  </a:moveTo>
                  <a:lnTo>
                    <a:pt x="3762" y="332"/>
                  </a:lnTo>
                  <a:cubicBezTo>
                    <a:pt x="3761" y="461"/>
                    <a:pt x="3838" y="493"/>
                    <a:pt x="3876" y="493"/>
                  </a:cubicBezTo>
                  <a:cubicBezTo>
                    <a:pt x="3916" y="493"/>
                    <a:pt x="3936" y="479"/>
                    <a:pt x="3977" y="433"/>
                  </a:cubicBezTo>
                  <a:lnTo>
                    <a:pt x="3977" y="454"/>
                  </a:lnTo>
                  <a:cubicBezTo>
                    <a:pt x="3943" y="498"/>
                    <a:pt x="3909" y="515"/>
                    <a:pt x="3859" y="515"/>
                  </a:cubicBezTo>
                  <a:cubicBezTo>
                    <a:pt x="3770" y="515"/>
                    <a:pt x="3705" y="453"/>
                    <a:pt x="3705" y="367"/>
                  </a:cubicBezTo>
                  <a:cubicBezTo>
                    <a:pt x="3705" y="280"/>
                    <a:pt x="3768" y="212"/>
                    <a:pt x="3849" y="212"/>
                  </a:cubicBezTo>
                  <a:cubicBezTo>
                    <a:pt x="3915" y="212"/>
                    <a:pt x="3977" y="266"/>
                    <a:pt x="3973" y="332"/>
                  </a:cubicBezTo>
                  <a:lnTo>
                    <a:pt x="3762" y="332"/>
                  </a:lnTo>
                  <a:lnTo>
                    <a:pt x="3762" y="332"/>
                  </a:lnTo>
                  <a:close/>
                  <a:moveTo>
                    <a:pt x="3640" y="444"/>
                  </a:moveTo>
                  <a:lnTo>
                    <a:pt x="3640" y="444"/>
                  </a:lnTo>
                  <a:cubicBezTo>
                    <a:pt x="3640" y="482"/>
                    <a:pt x="3648" y="493"/>
                    <a:pt x="3688" y="493"/>
                  </a:cubicBezTo>
                  <a:lnTo>
                    <a:pt x="3688" y="507"/>
                  </a:lnTo>
                  <a:lnTo>
                    <a:pt x="3536" y="507"/>
                  </a:lnTo>
                  <a:lnTo>
                    <a:pt x="3536" y="493"/>
                  </a:lnTo>
                  <a:cubicBezTo>
                    <a:pt x="3574" y="493"/>
                    <a:pt x="3585" y="484"/>
                    <a:pt x="3585" y="457"/>
                  </a:cubicBezTo>
                  <a:lnTo>
                    <a:pt x="3585" y="308"/>
                  </a:lnTo>
                  <a:cubicBezTo>
                    <a:pt x="3585" y="262"/>
                    <a:pt x="3552" y="242"/>
                    <a:pt x="3521" y="242"/>
                  </a:cubicBezTo>
                  <a:cubicBezTo>
                    <a:pt x="3493" y="242"/>
                    <a:pt x="3468" y="260"/>
                    <a:pt x="3439" y="298"/>
                  </a:cubicBezTo>
                  <a:lnTo>
                    <a:pt x="3439" y="438"/>
                  </a:lnTo>
                  <a:cubicBezTo>
                    <a:pt x="3439" y="482"/>
                    <a:pt x="3445" y="493"/>
                    <a:pt x="3488" y="493"/>
                  </a:cubicBezTo>
                  <a:lnTo>
                    <a:pt x="3488" y="507"/>
                  </a:lnTo>
                  <a:lnTo>
                    <a:pt x="3337" y="507"/>
                  </a:lnTo>
                  <a:lnTo>
                    <a:pt x="3337" y="493"/>
                  </a:lnTo>
                  <a:cubicBezTo>
                    <a:pt x="3375" y="493"/>
                    <a:pt x="3385" y="490"/>
                    <a:pt x="3385" y="438"/>
                  </a:cubicBezTo>
                  <a:lnTo>
                    <a:pt x="3385" y="277"/>
                  </a:lnTo>
                  <a:cubicBezTo>
                    <a:pt x="3385" y="242"/>
                    <a:pt x="3376" y="235"/>
                    <a:pt x="3337" y="235"/>
                  </a:cubicBezTo>
                  <a:lnTo>
                    <a:pt x="3337" y="221"/>
                  </a:lnTo>
                  <a:lnTo>
                    <a:pt x="3426" y="212"/>
                  </a:lnTo>
                  <a:lnTo>
                    <a:pt x="3439" y="212"/>
                  </a:lnTo>
                  <a:lnTo>
                    <a:pt x="3439" y="270"/>
                  </a:lnTo>
                  <a:cubicBezTo>
                    <a:pt x="3473" y="231"/>
                    <a:pt x="3507" y="212"/>
                    <a:pt x="3543" y="212"/>
                  </a:cubicBezTo>
                  <a:cubicBezTo>
                    <a:pt x="3591" y="212"/>
                    <a:pt x="3640" y="246"/>
                    <a:pt x="3640" y="315"/>
                  </a:cubicBezTo>
                  <a:lnTo>
                    <a:pt x="3640" y="444"/>
                  </a:lnTo>
                  <a:lnTo>
                    <a:pt x="3640" y="444"/>
                  </a:lnTo>
                  <a:close/>
                  <a:moveTo>
                    <a:pt x="3280" y="99"/>
                  </a:moveTo>
                  <a:lnTo>
                    <a:pt x="3280" y="99"/>
                  </a:lnTo>
                  <a:cubicBezTo>
                    <a:pt x="3280" y="119"/>
                    <a:pt x="3265" y="135"/>
                    <a:pt x="3245" y="135"/>
                  </a:cubicBezTo>
                  <a:cubicBezTo>
                    <a:pt x="3226" y="135"/>
                    <a:pt x="3210" y="119"/>
                    <a:pt x="3210" y="99"/>
                  </a:cubicBezTo>
                  <a:cubicBezTo>
                    <a:pt x="3210" y="80"/>
                    <a:pt x="3226" y="65"/>
                    <a:pt x="3245" y="65"/>
                  </a:cubicBezTo>
                  <a:cubicBezTo>
                    <a:pt x="3265" y="65"/>
                    <a:pt x="3280" y="80"/>
                    <a:pt x="3280" y="99"/>
                  </a:cubicBezTo>
                  <a:lnTo>
                    <a:pt x="3280" y="99"/>
                  </a:lnTo>
                  <a:close/>
                  <a:moveTo>
                    <a:pt x="3272" y="453"/>
                  </a:moveTo>
                  <a:lnTo>
                    <a:pt x="3272" y="453"/>
                  </a:lnTo>
                  <a:cubicBezTo>
                    <a:pt x="3272" y="482"/>
                    <a:pt x="3279" y="493"/>
                    <a:pt x="3320" y="493"/>
                  </a:cubicBezTo>
                  <a:lnTo>
                    <a:pt x="3320" y="507"/>
                  </a:lnTo>
                  <a:lnTo>
                    <a:pt x="3163" y="507"/>
                  </a:lnTo>
                  <a:lnTo>
                    <a:pt x="3163" y="493"/>
                  </a:lnTo>
                  <a:cubicBezTo>
                    <a:pt x="3207" y="493"/>
                    <a:pt x="3217" y="487"/>
                    <a:pt x="3217" y="453"/>
                  </a:cubicBezTo>
                  <a:lnTo>
                    <a:pt x="3217" y="278"/>
                  </a:lnTo>
                  <a:cubicBezTo>
                    <a:pt x="3217" y="238"/>
                    <a:pt x="3205" y="235"/>
                    <a:pt x="3163" y="235"/>
                  </a:cubicBezTo>
                  <a:lnTo>
                    <a:pt x="3163" y="221"/>
                  </a:lnTo>
                  <a:lnTo>
                    <a:pt x="3258" y="212"/>
                  </a:lnTo>
                  <a:lnTo>
                    <a:pt x="3272" y="212"/>
                  </a:lnTo>
                  <a:lnTo>
                    <a:pt x="3272" y="453"/>
                  </a:lnTo>
                  <a:lnTo>
                    <a:pt x="3272" y="453"/>
                  </a:lnTo>
                  <a:close/>
                  <a:moveTo>
                    <a:pt x="2812" y="99"/>
                  </a:moveTo>
                  <a:lnTo>
                    <a:pt x="2812" y="99"/>
                  </a:lnTo>
                  <a:cubicBezTo>
                    <a:pt x="2812" y="119"/>
                    <a:pt x="2797" y="135"/>
                    <a:pt x="2778" y="135"/>
                  </a:cubicBezTo>
                  <a:cubicBezTo>
                    <a:pt x="2758" y="135"/>
                    <a:pt x="2742" y="119"/>
                    <a:pt x="2742" y="99"/>
                  </a:cubicBezTo>
                  <a:cubicBezTo>
                    <a:pt x="2742" y="80"/>
                    <a:pt x="2758" y="65"/>
                    <a:pt x="2778" y="65"/>
                  </a:cubicBezTo>
                  <a:cubicBezTo>
                    <a:pt x="2797" y="65"/>
                    <a:pt x="2812" y="80"/>
                    <a:pt x="2812" y="99"/>
                  </a:cubicBezTo>
                  <a:lnTo>
                    <a:pt x="2812" y="99"/>
                  </a:lnTo>
                  <a:close/>
                  <a:moveTo>
                    <a:pt x="2804" y="453"/>
                  </a:moveTo>
                  <a:lnTo>
                    <a:pt x="2804" y="453"/>
                  </a:lnTo>
                  <a:cubicBezTo>
                    <a:pt x="2804" y="482"/>
                    <a:pt x="2811" y="493"/>
                    <a:pt x="2852" y="493"/>
                  </a:cubicBezTo>
                  <a:lnTo>
                    <a:pt x="2852" y="507"/>
                  </a:lnTo>
                  <a:lnTo>
                    <a:pt x="2695" y="507"/>
                  </a:lnTo>
                  <a:lnTo>
                    <a:pt x="2695" y="493"/>
                  </a:lnTo>
                  <a:cubicBezTo>
                    <a:pt x="2739" y="493"/>
                    <a:pt x="2749" y="487"/>
                    <a:pt x="2749" y="453"/>
                  </a:cubicBezTo>
                  <a:lnTo>
                    <a:pt x="2749" y="278"/>
                  </a:lnTo>
                  <a:cubicBezTo>
                    <a:pt x="2749" y="238"/>
                    <a:pt x="2737" y="235"/>
                    <a:pt x="2695" y="235"/>
                  </a:cubicBezTo>
                  <a:lnTo>
                    <a:pt x="2695" y="221"/>
                  </a:lnTo>
                  <a:lnTo>
                    <a:pt x="2790" y="212"/>
                  </a:lnTo>
                  <a:lnTo>
                    <a:pt x="2804" y="212"/>
                  </a:lnTo>
                  <a:lnTo>
                    <a:pt x="2804" y="453"/>
                  </a:lnTo>
                  <a:lnTo>
                    <a:pt x="2804" y="453"/>
                  </a:lnTo>
                  <a:close/>
                  <a:moveTo>
                    <a:pt x="2566" y="278"/>
                  </a:moveTo>
                  <a:lnTo>
                    <a:pt x="2566" y="278"/>
                  </a:lnTo>
                  <a:cubicBezTo>
                    <a:pt x="2543" y="247"/>
                    <a:pt x="2512" y="229"/>
                    <a:pt x="2483" y="229"/>
                  </a:cubicBezTo>
                  <a:cubicBezTo>
                    <a:pt x="2431" y="229"/>
                    <a:pt x="2395" y="276"/>
                    <a:pt x="2395" y="346"/>
                  </a:cubicBezTo>
                  <a:cubicBezTo>
                    <a:pt x="2395" y="414"/>
                    <a:pt x="2427" y="494"/>
                    <a:pt x="2521" y="494"/>
                  </a:cubicBezTo>
                  <a:cubicBezTo>
                    <a:pt x="2553" y="494"/>
                    <a:pt x="2566" y="481"/>
                    <a:pt x="2566" y="450"/>
                  </a:cubicBezTo>
                  <a:lnTo>
                    <a:pt x="2566" y="278"/>
                  </a:lnTo>
                  <a:lnTo>
                    <a:pt x="2566" y="278"/>
                  </a:lnTo>
                  <a:close/>
                  <a:moveTo>
                    <a:pt x="2621" y="451"/>
                  </a:moveTo>
                  <a:lnTo>
                    <a:pt x="2621" y="451"/>
                  </a:lnTo>
                  <a:cubicBezTo>
                    <a:pt x="2621" y="482"/>
                    <a:pt x="2632" y="493"/>
                    <a:pt x="2669" y="493"/>
                  </a:cubicBezTo>
                  <a:lnTo>
                    <a:pt x="2669" y="507"/>
                  </a:lnTo>
                  <a:lnTo>
                    <a:pt x="2502" y="507"/>
                  </a:lnTo>
                  <a:cubicBezTo>
                    <a:pt x="2381" y="507"/>
                    <a:pt x="2336" y="425"/>
                    <a:pt x="2336" y="358"/>
                  </a:cubicBezTo>
                  <a:cubicBezTo>
                    <a:pt x="2336" y="277"/>
                    <a:pt x="2395" y="212"/>
                    <a:pt x="2470" y="212"/>
                  </a:cubicBezTo>
                  <a:cubicBezTo>
                    <a:pt x="2500" y="212"/>
                    <a:pt x="2530" y="223"/>
                    <a:pt x="2566" y="247"/>
                  </a:cubicBezTo>
                  <a:lnTo>
                    <a:pt x="2566" y="72"/>
                  </a:lnTo>
                  <a:cubicBezTo>
                    <a:pt x="2566" y="31"/>
                    <a:pt x="2556" y="23"/>
                    <a:pt x="2528" y="23"/>
                  </a:cubicBezTo>
                  <a:lnTo>
                    <a:pt x="2512" y="23"/>
                  </a:lnTo>
                  <a:lnTo>
                    <a:pt x="2512" y="9"/>
                  </a:lnTo>
                  <a:lnTo>
                    <a:pt x="2607" y="0"/>
                  </a:lnTo>
                  <a:lnTo>
                    <a:pt x="2621" y="0"/>
                  </a:lnTo>
                  <a:lnTo>
                    <a:pt x="2621" y="451"/>
                  </a:lnTo>
                  <a:lnTo>
                    <a:pt x="2621" y="451"/>
                  </a:lnTo>
                  <a:close/>
                  <a:moveTo>
                    <a:pt x="2236" y="318"/>
                  </a:moveTo>
                  <a:lnTo>
                    <a:pt x="2236" y="318"/>
                  </a:lnTo>
                  <a:cubicBezTo>
                    <a:pt x="2239" y="255"/>
                    <a:pt x="2196" y="229"/>
                    <a:pt x="2159" y="229"/>
                  </a:cubicBezTo>
                  <a:cubicBezTo>
                    <a:pt x="2112" y="229"/>
                    <a:pt x="2083" y="265"/>
                    <a:pt x="2080" y="318"/>
                  </a:cubicBezTo>
                  <a:lnTo>
                    <a:pt x="2236" y="318"/>
                  </a:lnTo>
                  <a:lnTo>
                    <a:pt x="2236" y="318"/>
                  </a:lnTo>
                  <a:close/>
                  <a:moveTo>
                    <a:pt x="2080" y="332"/>
                  </a:moveTo>
                  <a:lnTo>
                    <a:pt x="2080" y="332"/>
                  </a:lnTo>
                  <a:cubicBezTo>
                    <a:pt x="2079" y="461"/>
                    <a:pt x="2155" y="493"/>
                    <a:pt x="2194" y="493"/>
                  </a:cubicBezTo>
                  <a:cubicBezTo>
                    <a:pt x="2234" y="493"/>
                    <a:pt x="2254" y="479"/>
                    <a:pt x="2295" y="433"/>
                  </a:cubicBezTo>
                  <a:lnTo>
                    <a:pt x="2295" y="454"/>
                  </a:lnTo>
                  <a:cubicBezTo>
                    <a:pt x="2260" y="498"/>
                    <a:pt x="2227" y="515"/>
                    <a:pt x="2177" y="515"/>
                  </a:cubicBezTo>
                  <a:cubicBezTo>
                    <a:pt x="2088" y="515"/>
                    <a:pt x="2023" y="453"/>
                    <a:pt x="2023" y="367"/>
                  </a:cubicBezTo>
                  <a:cubicBezTo>
                    <a:pt x="2023" y="280"/>
                    <a:pt x="2086" y="212"/>
                    <a:pt x="2167" y="212"/>
                  </a:cubicBezTo>
                  <a:cubicBezTo>
                    <a:pt x="2233" y="212"/>
                    <a:pt x="2294" y="266"/>
                    <a:pt x="2290" y="332"/>
                  </a:cubicBezTo>
                  <a:lnTo>
                    <a:pt x="2080" y="332"/>
                  </a:lnTo>
                  <a:lnTo>
                    <a:pt x="2080" y="332"/>
                  </a:lnTo>
                  <a:close/>
                  <a:moveTo>
                    <a:pt x="1977" y="57"/>
                  </a:moveTo>
                  <a:lnTo>
                    <a:pt x="1977" y="57"/>
                  </a:lnTo>
                  <a:cubicBezTo>
                    <a:pt x="1937" y="58"/>
                    <a:pt x="1922" y="86"/>
                    <a:pt x="1925" y="129"/>
                  </a:cubicBezTo>
                  <a:lnTo>
                    <a:pt x="1949" y="414"/>
                  </a:lnTo>
                  <a:cubicBezTo>
                    <a:pt x="1954" y="471"/>
                    <a:pt x="1963" y="489"/>
                    <a:pt x="2006" y="493"/>
                  </a:cubicBezTo>
                  <a:lnTo>
                    <a:pt x="2006" y="507"/>
                  </a:lnTo>
                  <a:lnTo>
                    <a:pt x="1840" y="507"/>
                  </a:lnTo>
                  <a:lnTo>
                    <a:pt x="1840" y="493"/>
                  </a:lnTo>
                  <a:cubicBezTo>
                    <a:pt x="1878" y="486"/>
                    <a:pt x="1890" y="469"/>
                    <a:pt x="1887" y="423"/>
                  </a:cubicBezTo>
                  <a:lnTo>
                    <a:pt x="1865" y="124"/>
                  </a:lnTo>
                  <a:lnTo>
                    <a:pt x="1863" y="124"/>
                  </a:lnTo>
                  <a:lnTo>
                    <a:pt x="1705" y="507"/>
                  </a:lnTo>
                  <a:lnTo>
                    <a:pt x="1693" y="507"/>
                  </a:lnTo>
                  <a:lnTo>
                    <a:pt x="1537" y="124"/>
                  </a:lnTo>
                  <a:lnTo>
                    <a:pt x="1536" y="124"/>
                  </a:lnTo>
                  <a:lnTo>
                    <a:pt x="1510" y="410"/>
                  </a:lnTo>
                  <a:cubicBezTo>
                    <a:pt x="1506" y="456"/>
                    <a:pt x="1523" y="484"/>
                    <a:pt x="1570" y="493"/>
                  </a:cubicBezTo>
                  <a:lnTo>
                    <a:pt x="1570" y="507"/>
                  </a:lnTo>
                  <a:lnTo>
                    <a:pt x="1426" y="507"/>
                  </a:lnTo>
                  <a:lnTo>
                    <a:pt x="1426" y="493"/>
                  </a:lnTo>
                  <a:cubicBezTo>
                    <a:pt x="1473" y="486"/>
                    <a:pt x="1480" y="459"/>
                    <a:pt x="1485" y="408"/>
                  </a:cubicBezTo>
                  <a:lnTo>
                    <a:pt x="1513" y="90"/>
                  </a:lnTo>
                  <a:cubicBezTo>
                    <a:pt x="1495" y="70"/>
                    <a:pt x="1479" y="61"/>
                    <a:pt x="1453" y="57"/>
                  </a:cubicBezTo>
                  <a:lnTo>
                    <a:pt x="1453" y="44"/>
                  </a:lnTo>
                  <a:lnTo>
                    <a:pt x="1570" y="44"/>
                  </a:lnTo>
                  <a:lnTo>
                    <a:pt x="1718" y="408"/>
                  </a:lnTo>
                  <a:lnTo>
                    <a:pt x="1868" y="44"/>
                  </a:lnTo>
                  <a:lnTo>
                    <a:pt x="1977" y="44"/>
                  </a:lnTo>
                  <a:lnTo>
                    <a:pt x="1977" y="57"/>
                  </a:lnTo>
                  <a:lnTo>
                    <a:pt x="1977" y="57"/>
                  </a:lnTo>
                  <a:close/>
                  <a:moveTo>
                    <a:pt x="1294" y="444"/>
                  </a:moveTo>
                  <a:lnTo>
                    <a:pt x="1294" y="444"/>
                  </a:lnTo>
                  <a:cubicBezTo>
                    <a:pt x="1294" y="482"/>
                    <a:pt x="1302" y="493"/>
                    <a:pt x="1342" y="493"/>
                  </a:cubicBezTo>
                  <a:lnTo>
                    <a:pt x="1342" y="507"/>
                  </a:lnTo>
                  <a:lnTo>
                    <a:pt x="1190" y="507"/>
                  </a:lnTo>
                  <a:lnTo>
                    <a:pt x="1190" y="493"/>
                  </a:lnTo>
                  <a:cubicBezTo>
                    <a:pt x="1228" y="493"/>
                    <a:pt x="1239" y="484"/>
                    <a:pt x="1239" y="457"/>
                  </a:cubicBezTo>
                  <a:lnTo>
                    <a:pt x="1239" y="308"/>
                  </a:lnTo>
                  <a:cubicBezTo>
                    <a:pt x="1239" y="262"/>
                    <a:pt x="1206" y="242"/>
                    <a:pt x="1175" y="242"/>
                  </a:cubicBezTo>
                  <a:cubicBezTo>
                    <a:pt x="1147" y="242"/>
                    <a:pt x="1122" y="260"/>
                    <a:pt x="1093" y="298"/>
                  </a:cubicBezTo>
                  <a:lnTo>
                    <a:pt x="1093" y="438"/>
                  </a:lnTo>
                  <a:cubicBezTo>
                    <a:pt x="1093" y="482"/>
                    <a:pt x="1099" y="493"/>
                    <a:pt x="1142" y="493"/>
                  </a:cubicBezTo>
                  <a:lnTo>
                    <a:pt x="1142" y="507"/>
                  </a:lnTo>
                  <a:lnTo>
                    <a:pt x="991" y="507"/>
                  </a:lnTo>
                  <a:lnTo>
                    <a:pt x="991" y="493"/>
                  </a:lnTo>
                  <a:cubicBezTo>
                    <a:pt x="1029" y="493"/>
                    <a:pt x="1039" y="490"/>
                    <a:pt x="1039" y="438"/>
                  </a:cubicBezTo>
                  <a:lnTo>
                    <a:pt x="1039" y="277"/>
                  </a:lnTo>
                  <a:cubicBezTo>
                    <a:pt x="1039" y="242"/>
                    <a:pt x="1030" y="235"/>
                    <a:pt x="991" y="235"/>
                  </a:cubicBezTo>
                  <a:lnTo>
                    <a:pt x="991" y="221"/>
                  </a:lnTo>
                  <a:lnTo>
                    <a:pt x="1080" y="212"/>
                  </a:lnTo>
                  <a:lnTo>
                    <a:pt x="1093" y="212"/>
                  </a:lnTo>
                  <a:lnTo>
                    <a:pt x="1093" y="270"/>
                  </a:lnTo>
                  <a:cubicBezTo>
                    <a:pt x="1127" y="231"/>
                    <a:pt x="1161" y="212"/>
                    <a:pt x="1197" y="212"/>
                  </a:cubicBezTo>
                  <a:cubicBezTo>
                    <a:pt x="1245" y="212"/>
                    <a:pt x="1294" y="246"/>
                    <a:pt x="1294" y="315"/>
                  </a:cubicBezTo>
                  <a:lnTo>
                    <a:pt x="1294" y="444"/>
                  </a:lnTo>
                  <a:lnTo>
                    <a:pt x="1294" y="444"/>
                  </a:lnTo>
                  <a:close/>
                  <a:moveTo>
                    <a:pt x="930" y="444"/>
                  </a:moveTo>
                  <a:lnTo>
                    <a:pt x="930" y="444"/>
                  </a:lnTo>
                  <a:cubicBezTo>
                    <a:pt x="930" y="482"/>
                    <a:pt x="938" y="493"/>
                    <a:pt x="978" y="493"/>
                  </a:cubicBezTo>
                  <a:lnTo>
                    <a:pt x="978" y="507"/>
                  </a:lnTo>
                  <a:lnTo>
                    <a:pt x="826" y="507"/>
                  </a:lnTo>
                  <a:lnTo>
                    <a:pt x="826" y="493"/>
                  </a:lnTo>
                  <a:cubicBezTo>
                    <a:pt x="864" y="493"/>
                    <a:pt x="875" y="484"/>
                    <a:pt x="875" y="457"/>
                  </a:cubicBezTo>
                  <a:lnTo>
                    <a:pt x="875" y="308"/>
                  </a:lnTo>
                  <a:cubicBezTo>
                    <a:pt x="875" y="262"/>
                    <a:pt x="842" y="242"/>
                    <a:pt x="811" y="242"/>
                  </a:cubicBezTo>
                  <a:cubicBezTo>
                    <a:pt x="783" y="242"/>
                    <a:pt x="758" y="260"/>
                    <a:pt x="730" y="298"/>
                  </a:cubicBezTo>
                  <a:lnTo>
                    <a:pt x="730" y="438"/>
                  </a:lnTo>
                  <a:cubicBezTo>
                    <a:pt x="730" y="482"/>
                    <a:pt x="735" y="493"/>
                    <a:pt x="778" y="493"/>
                  </a:cubicBezTo>
                  <a:lnTo>
                    <a:pt x="778" y="507"/>
                  </a:lnTo>
                  <a:lnTo>
                    <a:pt x="627" y="507"/>
                  </a:lnTo>
                  <a:lnTo>
                    <a:pt x="627" y="493"/>
                  </a:lnTo>
                  <a:cubicBezTo>
                    <a:pt x="665" y="493"/>
                    <a:pt x="675" y="490"/>
                    <a:pt x="675" y="438"/>
                  </a:cubicBezTo>
                  <a:lnTo>
                    <a:pt x="675" y="277"/>
                  </a:lnTo>
                  <a:cubicBezTo>
                    <a:pt x="675" y="242"/>
                    <a:pt x="666" y="235"/>
                    <a:pt x="627" y="235"/>
                  </a:cubicBezTo>
                  <a:lnTo>
                    <a:pt x="627" y="221"/>
                  </a:lnTo>
                  <a:lnTo>
                    <a:pt x="716" y="212"/>
                  </a:lnTo>
                  <a:lnTo>
                    <a:pt x="730" y="212"/>
                  </a:lnTo>
                  <a:lnTo>
                    <a:pt x="730" y="270"/>
                  </a:lnTo>
                  <a:cubicBezTo>
                    <a:pt x="763" y="231"/>
                    <a:pt x="797" y="212"/>
                    <a:pt x="833" y="212"/>
                  </a:cubicBezTo>
                  <a:cubicBezTo>
                    <a:pt x="881" y="212"/>
                    <a:pt x="930" y="246"/>
                    <a:pt x="930" y="315"/>
                  </a:cubicBezTo>
                  <a:lnTo>
                    <a:pt x="930" y="444"/>
                  </a:lnTo>
                  <a:lnTo>
                    <a:pt x="930" y="444"/>
                  </a:lnTo>
                  <a:close/>
                  <a:moveTo>
                    <a:pt x="552" y="318"/>
                  </a:moveTo>
                  <a:lnTo>
                    <a:pt x="552" y="318"/>
                  </a:lnTo>
                  <a:cubicBezTo>
                    <a:pt x="555" y="255"/>
                    <a:pt x="512" y="229"/>
                    <a:pt x="475" y="229"/>
                  </a:cubicBezTo>
                  <a:cubicBezTo>
                    <a:pt x="428" y="229"/>
                    <a:pt x="399" y="265"/>
                    <a:pt x="396" y="318"/>
                  </a:cubicBezTo>
                  <a:lnTo>
                    <a:pt x="552" y="318"/>
                  </a:lnTo>
                  <a:lnTo>
                    <a:pt x="552" y="318"/>
                  </a:lnTo>
                  <a:close/>
                  <a:moveTo>
                    <a:pt x="396" y="332"/>
                  </a:moveTo>
                  <a:lnTo>
                    <a:pt x="396" y="332"/>
                  </a:lnTo>
                  <a:cubicBezTo>
                    <a:pt x="395" y="461"/>
                    <a:pt x="471" y="493"/>
                    <a:pt x="510" y="493"/>
                  </a:cubicBezTo>
                  <a:cubicBezTo>
                    <a:pt x="550" y="493"/>
                    <a:pt x="570" y="479"/>
                    <a:pt x="611" y="433"/>
                  </a:cubicBezTo>
                  <a:lnTo>
                    <a:pt x="611" y="454"/>
                  </a:lnTo>
                  <a:cubicBezTo>
                    <a:pt x="576" y="498"/>
                    <a:pt x="543" y="515"/>
                    <a:pt x="493" y="515"/>
                  </a:cubicBezTo>
                  <a:cubicBezTo>
                    <a:pt x="403" y="515"/>
                    <a:pt x="339" y="453"/>
                    <a:pt x="339" y="367"/>
                  </a:cubicBezTo>
                  <a:cubicBezTo>
                    <a:pt x="339" y="280"/>
                    <a:pt x="402" y="212"/>
                    <a:pt x="483" y="212"/>
                  </a:cubicBezTo>
                  <a:cubicBezTo>
                    <a:pt x="549" y="212"/>
                    <a:pt x="610" y="266"/>
                    <a:pt x="606" y="332"/>
                  </a:cubicBezTo>
                  <a:lnTo>
                    <a:pt x="396" y="332"/>
                  </a:lnTo>
                  <a:lnTo>
                    <a:pt x="396" y="332"/>
                  </a:lnTo>
                  <a:close/>
                  <a:moveTo>
                    <a:pt x="114" y="269"/>
                  </a:moveTo>
                  <a:lnTo>
                    <a:pt x="114" y="269"/>
                  </a:lnTo>
                  <a:cubicBezTo>
                    <a:pt x="135" y="276"/>
                    <a:pt x="147" y="277"/>
                    <a:pt x="172" y="277"/>
                  </a:cubicBezTo>
                  <a:cubicBezTo>
                    <a:pt x="240" y="277"/>
                    <a:pt x="284" y="240"/>
                    <a:pt x="284" y="177"/>
                  </a:cubicBezTo>
                  <a:cubicBezTo>
                    <a:pt x="284" y="128"/>
                    <a:pt x="257" y="61"/>
                    <a:pt x="172" y="61"/>
                  </a:cubicBezTo>
                  <a:lnTo>
                    <a:pt x="114" y="61"/>
                  </a:lnTo>
                  <a:lnTo>
                    <a:pt x="114" y="269"/>
                  </a:lnTo>
                  <a:lnTo>
                    <a:pt x="114" y="269"/>
                  </a:lnTo>
                  <a:close/>
                  <a:moveTo>
                    <a:pt x="114" y="419"/>
                  </a:moveTo>
                  <a:lnTo>
                    <a:pt x="114" y="419"/>
                  </a:lnTo>
                  <a:cubicBezTo>
                    <a:pt x="114" y="477"/>
                    <a:pt x="128" y="493"/>
                    <a:pt x="167" y="493"/>
                  </a:cubicBezTo>
                  <a:lnTo>
                    <a:pt x="167" y="507"/>
                  </a:lnTo>
                  <a:lnTo>
                    <a:pt x="0" y="507"/>
                  </a:lnTo>
                  <a:lnTo>
                    <a:pt x="0" y="493"/>
                  </a:lnTo>
                  <a:cubicBezTo>
                    <a:pt x="33" y="493"/>
                    <a:pt x="53" y="482"/>
                    <a:pt x="53" y="421"/>
                  </a:cubicBezTo>
                  <a:lnTo>
                    <a:pt x="53" y="131"/>
                  </a:lnTo>
                  <a:cubicBezTo>
                    <a:pt x="53" y="74"/>
                    <a:pt x="39" y="57"/>
                    <a:pt x="0" y="57"/>
                  </a:cubicBezTo>
                  <a:lnTo>
                    <a:pt x="0" y="44"/>
                  </a:lnTo>
                  <a:lnTo>
                    <a:pt x="169" y="44"/>
                  </a:lnTo>
                  <a:cubicBezTo>
                    <a:pt x="297" y="44"/>
                    <a:pt x="349" y="111"/>
                    <a:pt x="349" y="175"/>
                  </a:cubicBezTo>
                  <a:cubicBezTo>
                    <a:pt x="349" y="252"/>
                    <a:pt x="290" y="295"/>
                    <a:pt x="185" y="295"/>
                  </a:cubicBezTo>
                  <a:cubicBezTo>
                    <a:pt x="165" y="295"/>
                    <a:pt x="148" y="294"/>
                    <a:pt x="114" y="290"/>
                  </a:cubicBezTo>
                  <a:lnTo>
                    <a:pt x="114" y="419"/>
                  </a:lnTo>
                  <a:lnTo>
                    <a:pt x="114" y="419"/>
                  </a:lnTo>
                  <a:close/>
                  <a:moveTo>
                    <a:pt x="3135" y="313"/>
                  </a:moveTo>
                  <a:lnTo>
                    <a:pt x="3135" y="313"/>
                  </a:lnTo>
                  <a:lnTo>
                    <a:pt x="3121" y="313"/>
                  </a:lnTo>
                  <a:cubicBezTo>
                    <a:pt x="3109" y="262"/>
                    <a:pt x="3073" y="229"/>
                    <a:pt x="3025" y="229"/>
                  </a:cubicBezTo>
                  <a:cubicBezTo>
                    <a:pt x="2968" y="229"/>
                    <a:pt x="2929" y="277"/>
                    <a:pt x="2929" y="347"/>
                  </a:cubicBezTo>
                  <a:cubicBezTo>
                    <a:pt x="2929" y="426"/>
                    <a:pt x="2978" y="491"/>
                    <a:pt x="3036" y="491"/>
                  </a:cubicBezTo>
                  <a:cubicBezTo>
                    <a:pt x="3071" y="491"/>
                    <a:pt x="3113" y="473"/>
                    <a:pt x="3143" y="431"/>
                  </a:cubicBezTo>
                  <a:lnTo>
                    <a:pt x="3143" y="452"/>
                  </a:lnTo>
                  <a:cubicBezTo>
                    <a:pt x="3112" y="494"/>
                    <a:pt x="3069" y="515"/>
                    <a:pt x="3017" y="515"/>
                  </a:cubicBezTo>
                  <a:cubicBezTo>
                    <a:pt x="2932" y="515"/>
                    <a:pt x="2873" y="456"/>
                    <a:pt x="2873" y="371"/>
                  </a:cubicBezTo>
                  <a:cubicBezTo>
                    <a:pt x="2873" y="283"/>
                    <a:pt x="2939" y="212"/>
                    <a:pt x="3021" y="212"/>
                  </a:cubicBezTo>
                  <a:cubicBezTo>
                    <a:pt x="3064" y="212"/>
                    <a:pt x="3087" y="229"/>
                    <a:pt x="3102" y="229"/>
                  </a:cubicBezTo>
                  <a:cubicBezTo>
                    <a:pt x="3109" y="229"/>
                    <a:pt x="3116" y="223"/>
                    <a:pt x="3121" y="212"/>
                  </a:cubicBezTo>
                  <a:lnTo>
                    <a:pt x="3135" y="212"/>
                  </a:lnTo>
                  <a:lnTo>
                    <a:pt x="3135" y="313"/>
                  </a:lnTo>
                  <a:close/>
                </a:path>
              </a:pathLst>
            </a:custGeom>
            <a:solidFill>
              <a:schemeClr val="bg1"/>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Calibri"/>
                <a:ea typeface="+mn-ea"/>
                <a:cs typeface="+mn-cs"/>
              </a:endParaRPr>
            </a:p>
          </p:txBody>
        </p:sp>
      </p:gr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Tree>
    <p:extLst>
      <p:ext uri="{BB962C8B-B14F-4D97-AF65-F5344CB8AC3E}">
        <p14:creationId xmlns:p14="http://schemas.microsoft.com/office/powerpoint/2010/main" val="2240997986"/>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5" name="Guides" hidden="1">
            <a:extLst>
              <a:ext uri="{FF2B5EF4-FFF2-40B4-BE49-F238E27FC236}">
                <a16:creationId xmlns:a16="http://schemas.microsoft.com/office/drawing/2014/main" id="{34F4D84D-8B38-E9C5-1868-7F61784FF06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Box 5">
            <a:extLst>
              <a:ext uri="{FF2B5EF4-FFF2-40B4-BE49-F238E27FC236}">
                <a16:creationId xmlns:a16="http://schemas.microsoft.com/office/drawing/2014/main" id="{D7F0FCFE-6765-0832-0840-9CF39F36BB4B}"/>
              </a:ext>
            </a:extLst>
          </p:cNvPr>
          <p:cNvSpPr txBox="1"/>
          <p:nvPr userDrawn="1"/>
        </p:nvSpPr>
        <p:spPr>
          <a:xfrm>
            <a:off x="719138" y="719138"/>
            <a:ext cx="10752137" cy="2123658"/>
          </a:xfrm>
          <a:prstGeom prst="rect">
            <a:avLst/>
          </a:prstGeom>
          <a:noFill/>
        </p:spPr>
        <p:txBody>
          <a:bodyPr wrap="square" rtlCol="0">
            <a:spAutoFit/>
          </a:bodyPr>
          <a:lstStyle/>
          <a:p>
            <a:pPr algn="ctr"/>
            <a:r>
              <a:rPr lang="en-GB" sz="4400" dirty="0">
                <a:solidFill>
                  <a:schemeClr val="bg1"/>
                </a:solidFill>
              </a:rPr>
              <a:t>If you see any </a:t>
            </a:r>
            <a:r>
              <a:rPr lang="en-GB" sz="4400" b="1" i="1" dirty="0">
                <a:solidFill>
                  <a:schemeClr val="bg1"/>
                </a:solidFill>
              </a:rPr>
              <a:t>layouts after this </a:t>
            </a:r>
            <a:r>
              <a:rPr lang="en-GB" sz="4400" dirty="0">
                <a:solidFill>
                  <a:schemeClr val="bg1"/>
                </a:solidFill>
              </a:rPr>
              <a:t>one,</a:t>
            </a:r>
            <a:br>
              <a:rPr lang="en-GB" sz="4400" dirty="0">
                <a:solidFill>
                  <a:schemeClr val="bg1"/>
                </a:solidFill>
              </a:rPr>
            </a:br>
            <a:r>
              <a:rPr lang="en-GB" sz="4400" dirty="0">
                <a:solidFill>
                  <a:schemeClr val="bg1"/>
                </a:solidFill>
              </a:rPr>
              <a:t>do not use them. These layouts are not part of our corporate template.</a:t>
            </a:r>
          </a:p>
        </p:txBody>
      </p:sp>
      <p:sp>
        <p:nvSpPr>
          <p:cNvPr id="7" name="TextBox 6">
            <a:extLst>
              <a:ext uri="{FF2B5EF4-FFF2-40B4-BE49-F238E27FC236}">
                <a16:creationId xmlns:a16="http://schemas.microsoft.com/office/drawing/2014/main" id="{9E66478E-CC82-DDC4-E285-44F5186FA8EF}"/>
              </a:ext>
            </a:extLst>
          </p:cNvPr>
          <p:cNvSpPr txBox="1"/>
          <p:nvPr userDrawn="1"/>
        </p:nvSpPr>
        <p:spPr>
          <a:xfrm>
            <a:off x="719138" y="2370138"/>
            <a:ext cx="9826625" cy="2646878"/>
          </a:xfrm>
          <a:prstGeom prst="rect">
            <a:avLst/>
          </a:prstGeom>
          <a:noFill/>
        </p:spPr>
        <p:txBody>
          <a:bodyPr wrap="square" rtlCol="0">
            <a:spAutoFit/>
          </a:bodyPr>
          <a:lstStyle/>
          <a:p>
            <a:pPr algn="ctr"/>
            <a:r>
              <a:rPr lang="en-GB" sz="16600" b="1" i="1" dirty="0">
                <a:solidFill>
                  <a:schemeClr val="bg1"/>
                </a:solidFill>
              </a:rPr>
              <a:t>Do not use</a:t>
            </a:r>
          </a:p>
        </p:txBody>
      </p:sp>
      <p:grpSp>
        <p:nvGrpSpPr>
          <p:cNvPr id="8" name="Group 7">
            <a:extLst>
              <a:ext uri="{FF2B5EF4-FFF2-40B4-BE49-F238E27FC236}">
                <a16:creationId xmlns:a16="http://schemas.microsoft.com/office/drawing/2014/main" id="{A5D99491-12E6-F691-C3B6-1E56D3E5BEA5}"/>
              </a:ext>
            </a:extLst>
          </p:cNvPr>
          <p:cNvGrpSpPr/>
          <p:nvPr userDrawn="1"/>
        </p:nvGrpSpPr>
        <p:grpSpPr bwMode="black">
          <a:xfrm rot="8100000">
            <a:off x="10404874" y="3325226"/>
            <a:ext cx="1036788" cy="1036788"/>
            <a:chOff x="6096000" y="4963130"/>
            <a:chExt cx="1456719" cy="1456719"/>
          </a:xfrm>
          <a:solidFill>
            <a:schemeClr val="bg1"/>
          </a:solidFill>
        </p:grpSpPr>
        <p:sp>
          <p:nvSpPr>
            <p:cNvPr id="9" name="Rectangle 8">
              <a:extLst>
                <a:ext uri="{FF2B5EF4-FFF2-40B4-BE49-F238E27FC236}">
                  <a16:creationId xmlns:a16="http://schemas.microsoft.com/office/drawing/2014/main" id="{0CE8E280-940A-9CA6-05EF-30988A74A821}"/>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10" name="Rectangle 9">
              <a:extLst>
                <a:ext uri="{FF2B5EF4-FFF2-40B4-BE49-F238E27FC236}">
                  <a16:creationId xmlns:a16="http://schemas.microsoft.com/office/drawing/2014/main" id="{9D0B93E5-EC9B-1CC2-0E61-75FEB63B4820}"/>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1" name="TextBox 10">
            <a:extLst>
              <a:ext uri="{FF2B5EF4-FFF2-40B4-BE49-F238E27FC236}">
                <a16:creationId xmlns:a16="http://schemas.microsoft.com/office/drawing/2014/main" id="{101A1C46-3C4F-8189-EA0E-23635248B2F4}"/>
              </a:ext>
            </a:extLst>
          </p:cNvPr>
          <p:cNvSpPr txBox="1"/>
          <p:nvPr userDrawn="1"/>
        </p:nvSpPr>
        <p:spPr>
          <a:xfrm>
            <a:off x="719138" y="5142277"/>
            <a:ext cx="10752137" cy="784830"/>
          </a:xfrm>
          <a:prstGeom prst="rect">
            <a:avLst/>
          </a:prstGeom>
          <a:noFill/>
        </p:spPr>
        <p:txBody>
          <a:bodyPr wrap="square" rtlCol="0">
            <a:spAutoFit/>
          </a:bodyPr>
          <a:lstStyle/>
          <a:p>
            <a:pPr algn="ctr">
              <a:spcAft>
                <a:spcPts val="600"/>
              </a:spcAft>
            </a:pPr>
            <a:r>
              <a:rPr lang="en-GB" sz="2000" dirty="0">
                <a:solidFill>
                  <a:schemeClr val="bg1"/>
                </a:solidFill>
              </a:rPr>
              <a:t>Due to PowerPoint’s standard Copy/Paste functionality extra undesirable layouts can appear.</a:t>
            </a:r>
          </a:p>
          <a:p>
            <a:pPr algn="ctr">
              <a:spcAft>
                <a:spcPts val="600"/>
              </a:spcAft>
            </a:pPr>
            <a:r>
              <a:rPr lang="en-GB" sz="2000" dirty="0">
                <a:solidFill>
                  <a:schemeClr val="bg1"/>
                </a:solidFill>
              </a:rPr>
              <a:t>Also notice: Layouts after this might contain potential confidential information.</a:t>
            </a:r>
          </a:p>
        </p:txBody>
      </p:sp>
    </p:spTree>
    <p:extLst>
      <p:ext uri="{BB962C8B-B14F-4D97-AF65-F5344CB8AC3E}">
        <p14:creationId xmlns:p14="http://schemas.microsoft.com/office/powerpoint/2010/main" val="258318576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genda C">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solidFill>
                  <a:schemeClr val="accent2">
                    <a:lumMod val="20000"/>
                    <a:lumOff val="80000"/>
                  </a:schemeClr>
                </a:solidFill>
              </a:defRPr>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July 7, 2023</a:t>
            </a:fld>
            <a:endParaRPr lang="en-US"/>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1pPr>
            <a:lvl2pPr marL="0" indent="0">
              <a:lnSpc>
                <a:spcPct val="180000"/>
              </a:lnSpc>
              <a:spcBef>
                <a:spcPts val="250"/>
              </a:spcBef>
              <a:spcAft>
                <a:spcPts val="0"/>
              </a:spcAft>
              <a:buNone/>
              <a:defRPr sz="1800" b="1" cap="none">
                <a:solidFill>
                  <a:srgbClr val="9EC3E1"/>
                </a:solidFill>
                <a:latin typeface="+mj-lt"/>
              </a:defRPr>
            </a:lvl2pPr>
            <a:lvl3pPr marL="0" indent="0">
              <a:lnSpc>
                <a:spcPct val="180000"/>
              </a:lnSpc>
              <a:spcBef>
                <a:spcPts val="250"/>
              </a:spcBef>
              <a:spcAft>
                <a:spcPts val="0"/>
              </a:spcAft>
              <a:buNone/>
              <a:defRPr sz="1800" b="1" cap="none">
                <a:solidFill>
                  <a:srgbClr val="9EC3E1"/>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1pPr>
            <a:lvl2pPr marL="0" indent="0">
              <a:lnSpc>
                <a:spcPct val="180000"/>
              </a:lnSpc>
              <a:spcBef>
                <a:spcPts val="250"/>
              </a:spcBef>
              <a:spcAft>
                <a:spcPts val="0"/>
              </a:spcAft>
              <a:buNone/>
              <a:defRPr sz="1800" b="0" cap="all">
                <a:solidFill>
                  <a:schemeClr val="bg1"/>
                </a:solidFill>
                <a:latin typeface="+mj-lt"/>
              </a:defRPr>
            </a:lvl2pPr>
            <a:lvl3pPr marL="0" indent="0">
              <a:lnSpc>
                <a:spcPct val="180000"/>
              </a:lnSpc>
              <a:spcBef>
                <a:spcPts val="250"/>
              </a:spcBef>
              <a:spcAft>
                <a:spcPts val="0"/>
              </a:spcAft>
              <a:buNone/>
              <a:defRPr sz="1800" b="0" cap="all">
                <a:solidFill>
                  <a:schemeClr val="bg1"/>
                </a:solidFill>
                <a:latin typeface="+mj-lt"/>
              </a:defRPr>
            </a:lvl3pPr>
            <a:lvl4pPr marL="0" indent="0">
              <a:lnSpc>
                <a:spcPct val="180000"/>
              </a:lnSpc>
              <a:spcBef>
                <a:spcPts val="250"/>
              </a:spcBef>
              <a:spcAft>
                <a:spcPts val="0"/>
              </a:spcAft>
              <a:buNone/>
              <a:defRPr sz="1800" b="0" cap="all">
                <a:solidFill>
                  <a:schemeClr val="bg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9pPr>
          </a:lstStyle>
          <a:p>
            <a:pPr lvl="0"/>
            <a:r>
              <a:rPr lang="en-GB" dirty="0"/>
              <a:t>Click to add agenda point, one line</a:t>
            </a:r>
          </a:p>
        </p:txBody>
      </p:sp>
      <p:sp>
        <p:nvSpPr>
          <p:cNvPr id="9" name="Guides" hidden="1">
            <a:extLst>
              <a:ext uri="{FF2B5EF4-FFF2-40B4-BE49-F238E27FC236}">
                <a16:creationId xmlns:a16="http://schemas.microsoft.com/office/drawing/2014/main" id="{F71C5786-03E4-BADA-2C63-BC735E4C49C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b629212b-aba2-422f-a8af-fd93b3a4d254&quot;}}">
            <a:extLst>
              <a:ext uri="{FF2B5EF4-FFF2-40B4-BE49-F238E27FC236}">
                <a16:creationId xmlns:a16="http://schemas.microsoft.com/office/drawing/2014/main" id="{7F5AAA95-4262-DACC-6539-F83764B3EBBF}"/>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456125206"/>
      </p:ext>
    </p:extLst>
  </p:cSld>
  <p:clrMapOvr>
    <a:masterClrMapping/>
  </p:clrMapOvr>
  <p:extLst>
    <p:ext uri="{DCECCB84-F9BA-43D5-87BE-67443E8EF086}">
      <p15:sldGuideLst xmlns:p15="http://schemas.microsoft.com/office/powerpoint/2012/main">
        <p15:guide id="3" orient="horz" pos="45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accent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3"/>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5" name="Line top Placeholder 20">
            <a:extLst>
              <a:ext uri="{FF2B5EF4-FFF2-40B4-BE49-F238E27FC236}">
                <a16:creationId xmlns:a16="http://schemas.microsoft.com/office/drawing/2014/main" id="{A191D59F-2E4F-9DFD-FEAC-7FF6480D86BF}"/>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8" name="Date Placeholder 7">
            <a:extLst>
              <a:ext uri="{FF2B5EF4-FFF2-40B4-BE49-F238E27FC236}">
                <a16:creationId xmlns:a16="http://schemas.microsoft.com/office/drawing/2014/main" id="{A626988C-588C-2C8A-2DC0-5D2C99DF44FE}"/>
              </a:ext>
            </a:extLst>
          </p:cNvPr>
          <p:cNvSpPr>
            <a:spLocks noGrp="1"/>
          </p:cNvSpPr>
          <p:nvPr>
            <p:ph type="dt" sz="half" idx="25"/>
          </p:nvPr>
        </p:nvSpPr>
        <p:spPr/>
        <p:txBody>
          <a:bodyPr/>
          <a:lstStyle/>
          <a:p>
            <a:fld id="{197DF7FC-2311-4E03-AAFE-2DADE0839E10}" type="datetime4">
              <a:rPr lang="en-US" noProof="0" smtClean="0"/>
              <a:t>July 7, 2023</a:t>
            </a:fld>
            <a:endParaRPr lang="en-US" noProof="0"/>
          </a:p>
        </p:txBody>
      </p:sp>
      <p:sp>
        <p:nvSpPr>
          <p:cNvPr id="9" name="Slide Number Placeholder 8">
            <a:extLst>
              <a:ext uri="{FF2B5EF4-FFF2-40B4-BE49-F238E27FC236}">
                <a16:creationId xmlns:a16="http://schemas.microsoft.com/office/drawing/2014/main" id="{153F47F8-2FA5-B3C4-62D6-146B019264A1}"/>
              </a:ext>
            </a:extLst>
          </p:cNvPr>
          <p:cNvSpPr>
            <a:spLocks noGrp="1"/>
          </p:cNvSpPr>
          <p:nvPr>
            <p:ph type="sldNum" sz="quarter" idx="26"/>
          </p:nvPr>
        </p:nvSpPr>
        <p:spPr/>
        <p:txBody>
          <a:bodyPr/>
          <a:lstStyle/>
          <a:p>
            <a:fld id="{2DDEA8E7-5F55-4A60-8EF9-470692FC5635}" type="slidenum">
              <a:rPr lang="en-US" noProof="0" smtClean="0"/>
              <a:pPr/>
              <a:t>‹#›</a:t>
            </a:fld>
            <a:endParaRPr lang="en-US" noProof="0"/>
          </a:p>
        </p:txBody>
      </p:sp>
      <p:sp>
        <p:nvSpPr>
          <p:cNvPr id="4" name="Guides" hidden="1">
            <a:extLst>
              <a:ext uri="{FF2B5EF4-FFF2-40B4-BE49-F238E27FC236}">
                <a16:creationId xmlns:a16="http://schemas.microsoft.com/office/drawing/2014/main" id="{7C09ABE0-4AC7-DE98-E246-798BA091147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6897737"/>
      </p:ext>
    </p:extLst>
  </p:cSld>
  <p:clrMapOvr>
    <a:masterClrMapping/>
  </p:clrMapOvr>
  <p:extLst>
    <p:ext uri="{DCECCB84-F9BA-43D5-87BE-67443E8EF086}">
      <p15:sldGuideLst xmlns:p15="http://schemas.microsoft.com/office/powerpoint/2012/main">
        <p15:guide id="3" orient="horz" pos="436"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Breaker C">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bg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2">
                    <a:lumMod val="20000"/>
                    <a:lumOff val="80000"/>
                  </a:schemeClr>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7/07/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97AE78B8-0EB3-C024-37F4-F509882235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5e7a4020-5197-42b5-a0a1-76d93439fe1b&quot;}}">
            <a:extLst>
              <a:ext uri="{FF2B5EF4-FFF2-40B4-BE49-F238E27FC236}">
                <a16:creationId xmlns:a16="http://schemas.microsoft.com/office/drawing/2014/main" id="{5AE369FE-ED76-6EEE-3247-2A919AD7045B}"/>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402448393"/>
      </p:ext>
    </p:extLst>
  </p:cSld>
  <p:clrMapOvr>
    <a:masterClrMapping/>
  </p:clrMapOvr>
  <p:extLst>
    <p:ext uri="{DCECCB84-F9BA-43D5-87BE-67443E8EF086}">
      <p15:sldGuideLst xmlns:p15="http://schemas.microsoft.com/office/powerpoint/2012/main">
        <p15:guide id="3" orient="horz" pos="436"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Breaker D">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7/07/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18E4D93D-2A45-24EA-FE18-43B286D00ED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9b31465-7178-466a-8f42-3e4972402eff&quot;}}">
            <a:extLst>
              <a:ext uri="{FF2B5EF4-FFF2-40B4-BE49-F238E27FC236}">
                <a16:creationId xmlns:a16="http://schemas.microsoft.com/office/drawing/2014/main" id="{A24A8258-9B07-0170-490D-F13D7253F27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70244082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type="secHead" preserve="1">
  <p:cSld name="Breaker E">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lumMod val="60000"/>
                    <a:lumOff val="4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7/07/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EEFCB10F-81AA-2405-D116-45EC588771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62dd52fa-754b-4464-afdb-3af5137dce98&quot;}}">
            <a:extLst>
              <a:ext uri="{FF2B5EF4-FFF2-40B4-BE49-F238E27FC236}">
                <a16:creationId xmlns:a16="http://schemas.microsoft.com/office/drawing/2014/main" id="{A5498BB6-9C05-CEB9-2389-021308A18C5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30939434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50" Type="http://schemas.openxmlformats.org/officeDocument/2006/relationships/tags" Target="../tags/tag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ags" Target="../tags/tag2.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48"/>
            </p:custDataLst>
          </p:nvPr>
        </p:nvSpPr>
        <p:spPr>
          <a:xfrm>
            <a:off x="719138" y="720000"/>
            <a:ext cx="10753724" cy="907200"/>
          </a:xfrm>
          <a:prstGeom prst="rect">
            <a:avLst/>
          </a:prstGeom>
        </p:spPr>
        <p:txBody>
          <a:bodyPr vert="horz" lIns="0" tIns="0" rIns="0" bIns="0" rtlCol="0" anchor="t" anchorCtr="0">
            <a:noAutofit/>
          </a:bodyPr>
          <a:lstStyle/>
          <a:p>
            <a:r>
              <a:rPr lang="en-US" noProof="0" dirty="0"/>
              <a:t>Click to edit Master title style</a:t>
            </a:r>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49"/>
            </p:custDataLst>
          </p:nvPr>
        </p:nvSpPr>
        <p:spPr>
          <a:xfrm>
            <a:off x="720000" y="1713599"/>
            <a:ext cx="10752000" cy="4424400"/>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eth level</a:t>
            </a:r>
          </a:p>
        </p:txBody>
      </p:sp>
      <p:sp>
        <p:nvSpPr>
          <p:cNvPr id="4" name="Date Placeholder 3">
            <a:extLst>
              <a:ext uri="{FF2B5EF4-FFF2-40B4-BE49-F238E27FC236}">
                <a16:creationId xmlns:a16="http://schemas.microsoft.com/office/drawing/2014/main" id="{B7FEBF82-8BAB-1E5B-37EF-020818D104B8}"/>
              </a:ext>
            </a:extLst>
          </p:cNvPr>
          <p:cNvSpPr>
            <a:spLocks noGrp="1"/>
          </p:cNvSpPr>
          <p:nvPr>
            <p:ph type="dt" sz="half" idx="2"/>
          </p:nvPr>
        </p:nvSpPr>
        <p:spPr>
          <a:xfrm>
            <a:off x="1115138" y="6439469"/>
            <a:ext cx="2743200" cy="180000"/>
          </a:xfrm>
          <a:prstGeom prst="rect">
            <a:avLst/>
          </a:prstGeom>
        </p:spPr>
        <p:txBody>
          <a:bodyPr vert="horz" lIns="0" tIns="0" rIns="0" bIns="0" rtlCol="0" anchor="b" anchorCtr="0"/>
          <a:lstStyle>
            <a:lvl1pPr algn="l">
              <a:defRPr sz="800">
                <a:solidFill>
                  <a:schemeClr val="accent1"/>
                </a:solidFill>
              </a:defRPr>
            </a:lvl1pPr>
          </a:lstStyle>
          <a:p>
            <a:fld id="{197DF7FC-2311-4E03-AAFE-2DADE0839E10}" type="datetime4">
              <a:rPr lang="en-US" noProof="0" smtClean="0"/>
              <a:t>July 7, 2023</a:t>
            </a:fld>
            <a:endParaRPr lang="en-US" noProof="0"/>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719138" y="6439469"/>
            <a:ext cx="396000" cy="180000"/>
          </a:xfrm>
          <a:prstGeom prst="rect">
            <a:avLst/>
          </a:prstGeom>
        </p:spPr>
        <p:txBody>
          <a:bodyPr vert="horz" lIns="0" tIns="0" rIns="0" bIns="0" rtlCol="0" anchor="b" anchorCtr="0"/>
          <a:lstStyle>
            <a:lvl1pPr algn="l">
              <a:defRPr sz="800">
                <a:solidFill>
                  <a:schemeClr val="accent1"/>
                </a:solidFill>
              </a:defRPr>
            </a:lvl1pPr>
          </a:lstStyle>
          <a:p>
            <a:fld id="{2DDEA8E7-5F55-4A60-8EF9-470692FC5635}" type="slidenum">
              <a:rPr lang="en-US" noProof="0" smtClean="0"/>
              <a:pPr/>
              <a:t>‹#›</a:t>
            </a:fld>
            <a:endParaRPr lang="en-US" noProof="0"/>
          </a:p>
        </p:txBody>
      </p:sp>
      <p:sp>
        <p:nvSpPr>
          <p:cNvPr id="14" name="Footers" descr="{&quot;templafy&quot;:{&quot;id&quot;:&quot;7bd821ab-2b5a-4feb-809b-9e9351837c7c&quot;}}">
            <a:extLst>
              <a:ext uri="{FF2B5EF4-FFF2-40B4-BE49-F238E27FC236}">
                <a16:creationId xmlns:a16="http://schemas.microsoft.com/office/drawing/2014/main" id="{C9D8BBB8-64ED-CEAF-3B7D-CCE7CC4C457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50"/>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95608132"/>
      </p:ext>
    </p:extLst>
  </p:cSld>
  <p:clrMap bg1="lt1" tx1="dk1" bg2="lt2" tx2="dk2" accent1="accent1" accent2="accent2" accent3="accent3" accent4="accent4" accent5="accent5" accent6="accent6" hlink="hlink" folHlink="folHlink"/>
  <p:sldLayoutIdLst>
    <p:sldLayoutId id="2147483657" r:id="rId1"/>
    <p:sldLayoutId id="2147483649" r:id="rId2"/>
    <p:sldLayoutId id="2147483658" r:id="rId3"/>
    <p:sldLayoutId id="2147483659" r:id="rId4"/>
    <p:sldLayoutId id="2147483660" r:id="rId5"/>
    <p:sldLayoutId id="2147483667" r:id="rId6"/>
    <p:sldLayoutId id="2147483666" r:id="rId7"/>
    <p:sldLayoutId id="2147483661" r:id="rId8"/>
    <p:sldLayoutId id="2147483662" r:id="rId9"/>
    <p:sldLayoutId id="2147483663" r:id="rId10"/>
    <p:sldLayoutId id="2147483664" r:id="rId11"/>
    <p:sldLayoutId id="2147483665" r:id="rId12"/>
    <p:sldLayoutId id="2147483650" r:id="rId13"/>
    <p:sldLayoutId id="2147483653" r:id="rId14"/>
    <p:sldLayoutId id="2147483668" r:id="rId15"/>
    <p:sldLayoutId id="2147483669" r:id="rId16"/>
    <p:sldLayoutId id="2147483651" r:id="rId17"/>
    <p:sldLayoutId id="2147483652" r:id="rId18"/>
    <p:sldLayoutId id="2147483654" r:id="rId19"/>
    <p:sldLayoutId id="2147483655" r:id="rId20"/>
    <p:sldLayoutId id="2147483670" r:id="rId21"/>
    <p:sldLayoutId id="2147483671" r:id="rId22"/>
    <p:sldLayoutId id="2147483672" r:id="rId23"/>
    <p:sldLayoutId id="2147483693" r:id="rId24"/>
    <p:sldLayoutId id="2147483694" r:id="rId25"/>
    <p:sldLayoutId id="2147483673" r:id="rId26"/>
    <p:sldLayoutId id="2147483674" r:id="rId27"/>
    <p:sldLayoutId id="2147483675" r:id="rId28"/>
    <p:sldLayoutId id="2147483676" r:id="rId29"/>
    <p:sldLayoutId id="2147483677" r:id="rId30"/>
    <p:sldLayoutId id="2147483678" r:id="rId31"/>
    <p:sldLayoutId id="2147483679" r:id="rId32"/>
    <p:sldLayoutId id="2147483680" r:id="rId33"/>
    <p:sldLayoutId id="2147483690" r:id="rId34"/>
    <p:sldLayoutId id="2147483681" r:id="rId35"/>
    <p:sldLayoutId id="2147483682" r:id="rId36"/>
    <p:sldLayoutId id="2147483683" r:id="rId37"/>
    <p:sldLayoutId id="2147483692" r:id="rId38"/>
    <p:sldLayoutId id="2147483684" r:id="rId39"/>
    <p:sldLayoutId id="2147483685" r:id="rId40"/>
    <p:sldLayoutId id="2147483686" r:id="rId41"/>
    <p:sldLayoutId id="2147483687" r:id="rId42"/>
    <p:sldLayoutId id="2147483688" r:id="rId43"/>
    <p:sldLayoutId id="2147483689" r:id="rId44"/>
    <p:sldLayoutId id="2147483656" r:id="rId45"/>
    <p:sldLayoutId id="2147483691" r:id="rId46"/>
  </p:sldLayoutIdLst>
  <p:hf hdr="0" ftr="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4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4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2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2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6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4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4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100"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7.xml"/><Relationship Id="rId1" Type="http://schemas.openxmlformats.org/officeDocument/2006/relationships/customXml" Target="../../customXml/item18.xml"/></Relationships>
</file>

<file path=ppt/slides/_rels/slide10.xml.rels><?xml version="1.0" encoding="UTF-8" standalone="yes"?>
<Relationships xmlns="http://schemas.openxmlformats.org/package/2006/relationships"><Relationship Id="rId3" Type="http://schemas.openxmlformats.org/officeDocument/2006/relationships/hyperlink" Target="https://calendly.com/wellfocused/benefit-spotlight-wellthy-7-27?month=2023-07" TargetMode="External"/><Relationship Id="rId2" Type="http://schemas.openxmlformats.org/officeDocument/2006/relationships/hyperlink" Target="https://calendly.com/wellfocused/benefit-spotlight-wellthy-7-14?month=2023-07" TargetMode="External"/><Relationship Id="rId1" Type="http://schemas.openxmlformats.org/officeDocument/2006/relationships/slideLayout" Target="../slideLayouts/slideLayout38.xml"/><Relationship Id="rId4" Type="http://schemas.openxmlformats.org/officeDocument/2006/relationships/image" Target="../media/image28.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45.xml"/><Relationship Id="rId2" Type="http://schemas.openxmlformats.org/officeDocument/2006/relationships/customXml" Target="../../customXml/item4.xml"/><Relationship Id="rId1" Type="http://schemas.openxmlformats.org/officeDocument/2006/relationships/customXml" Target="../../customXml/item8.xml"/><Relationship Id="rId4" Type="http://schemas.openxmlformats.org/officeDocument/2006/relationships/notesSlide" Target="../notesSlides/notesSlide7.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2.xml"/><Relationship Id="rId1" Type="http://schemas.openxmlformats.org/officeDocument/2006/relationships/customXml" Target="../../customXml/item14.xml"/><Relationship Id="rId5" Type="http://schemas.openxmlformats.org/officeDocument/2006/relationships/image" Target="../media/image11.png"/><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10.xml"/><Relationship Id="rId1" Type="http://schemas.openxmlformats.org/officeDocument/2006/relationships/customXml" Target="../../customXml/item22.xml"/><Relationship Id="rId6" Type="http://schemas.openxmlformats.org/officeDocument/2006/relationships/image" Target="../media/image16.bin"/><Relationship Id="rId5" Type="http://schemas.openxmlformats.org/officeDocument/2006/relationships/image" Target="../media/image13.bin"/><Relationship Id="rId4" Type="http://schemas.openxmlformats.org/officeDocument/2006/relationships/image" Target="../media/image12.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5.xml"/><Relationship Id="rId7" Type="http://schemas.openxmlformats.org/officeDocument/2006/relationships/image" Target="../media/image16.png"/><Relationship Id="rId2" Type="http://schemas.openxmlformats.org/officeDocument/2006/relationships/customXml" Target="../../customXml/item16.xml"/><Relationship Id="rId1" Type="http://schemas.openxmlformats.org/officeDocument/2006/relationships/customXml" Target="../../customXml/item21.xml"/><Relationship Id="rId6" Type="http://schemas.openxmlformats.org/officeDocument/2006/relationships/image" Target="../media/image15.png"/><Relationship Id="rId5" Type="http://schemas.openxmlformats.org/officeDocument/2006/relationships/image" Target="../media/image14.png"/><Relationship Id="rId4" Type="http://schemas.openxmlformats.org/officeDocument/2006/relationships/notesSlide" Target="../notesSlides/notesSlide2.xml"/></Relationships>
</file>

<file path=ppt/slides/_rels/slide5.xml.rels><?xml version="1.0" encoding="UTF-8" standalone="yes"?>
<Relationships xmlns="http://schemas.openxmlformats.org/package/2006/relationships"><Relationship Id="rId8" Type="http://schemas.openxmlformats.org/officeDocument/2006/relationships/image" Target="../media/image23.bin"/><Relationship Id="rId3" Type="http://schemas.openxmlformats.org/officeDocument/2006/relationships/slideLayout" Target="../slideLayouts/slideLayout20.xml"/><Relationship Id="rId7" Type="http://schemas.openxmlformats.org/officeDocument/2006/relationships/image" Target="../media/image18.png"/><Relationship Id="rId2" Type="http://schemas.openxmlformats.org/officeDocument/2006/relationships/customXml" Target="../../customXml/item6.xml"/><Relationship Id="rId1" Type="http://schemas.openxmlformats.org/officeDocument/2006/relationships/customXml" Target="../../customXml/item7.xml"/><Relationship Id="rId6" Type="http://schemas.openxmlformats.org/officeDocument/2006/relationships/image" Target="../media/image21.bin"/><Relationship Id="rId5" Type="http://schemas.openxmlformats.org/officeDocument/2006/relationships/image" Target="../media/image17.png"/><Relationship Id="rId10" Type="http://schemas.openxmlformats.org/officeDocument/2006/relationships/image" Target="../media/image25.bin"/><Relationship Id="rId4" Type="http://schemas.openxmlformats.org/officeDocument/2006/relationships/notesSlide" Target="../notesSlides/notesSlide3.xml"/><Relationship Id="rId9" Type="http://schemas.openxmlformats.org/officeDocument/2006/relationships/image" Target="../media/image19.png"/></Relationships>
</file>

<file path=ppt/slides/_rels/slide6.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15.xml"/></Relationships>
</file>

<file path=ppt/slides/_rels/slide7.xml.rels><?xml version="1.0" encoding="UTF-8" standalone="yes"?>
<Relationships xmlns="http://schemas.openxmlformats.org/package/2006/relationships"><Relationship Id="rId8" Type="http://schemas.openxmlformats.org/officeDocument/2006/relationships/image" Target="../media/image24.png"/><Relationship Id="rId3" Type="http://schemas.openxmlformats.org/officeDocument/2006/relationships/slideLayout" Target="../slideLayouts/slideLayout25.xml"/><Relationship Id="rId7" Type="http://schemas.openxmlformats.org/officeDocument/2006/relationships/image" Target="../media/image29.bin"/><Relationship Id="rId2" Type="http://schemas.openxmlformats.org/officeDocument/2006/relationships/customXml" Target="../../customXml/item1.xml"/><Relationship Id="rId1" Type="http://schemas.openxmlformats.org/officeDocument/2006/relationships/customXml" Target="../../customXml/item13.xml"/><Relationship Id="rId6" Type="http://schemas.openxmlformats.org/officeDocument/2006/relationships/image" Target="../media/image23.png"/><Relationship Id="rId5" Type="http://schemas.openxmlformats.org/officeDocument/2006/relationships/image" Target="../media/image22.bin"/><Relationship Id="rId4" Type="http://schemas.openxmlformats.org/officeDocument/2006/relationships/notesSlide" Target="../notesSlides/notesSlide4.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5.xml"/><Relationship Id="rId1" Type="http://schemas.openxmlformats.org/officeDocument/2006/relationships/customXml" Target="../../customXml/item3.xml"/><Relationship Id="rId6" Type="http://schemas.microsoft.com/office/2007/relationships/hdphoto" Target="../media/hdphoto1.wdp"/><Relationship Id="rId5" Type="http://schemas.openxmlformats.org/officeDocument/2006/relationships/image" Target="../media/image26.bin"/><Relationship Id="rId4" Type="http://schemas.openxmlformats.org/officeDocument/2006/relationships/notesSlide" Target="../notesSlides/notesSlide5.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5.xml"/><Relationship Id="rId1" Type="http://schemas.openxmlformats.org/officeDocument/2006/relationships/customXml" Target="../../customXml/item20.xml"/><Relationship Id="rId6" Type="http://schemas.openxmlformats.org/officeDocument/2006/relationships/image" Target="../media/image33.bin"/><Relationship Id="rId5" Type="http://schemas.openxmlformats.org/officeDocument/2006/relationships/image" Target="../media/image27.bin"/><Relationship Id="rId4" Type="http://schemas.openxmlformats.org/officeDocument/2006/relationships/notesSlide" Target="../notesSlides/notesSlide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0A44E20-FC1F-B58B-F256-050DF9BE797D}"/>
              </a:ext>
            </a:extLst>
          </p:cNvPr>
          <p:cNvSpPr>
            <a:spLocks noGrp="1"/>
          </p:cNvSpPr>
          <p:nvPr>
            <p:ph type="ctrTitle"/>
          </p:nvPr>
        </p:nvSpPr>
        <p:spPr/>
        <p:txBody>
          <a:bodyPr/>
          <a:lstStyle/>
          <a:p>
            <a:r>
              <a:rPr lang="en-US" dirty="0"/>
              <a:t>New Benefit: Wellthy </a:t>
            </a:r>
          </a:p>
        </p:txBody>
      </p:sp>
      <p:sp>
        <p:nvSpPr>
          <p:cNvPr id="6" name="Date Placeholder 5">
            <a:extLst>
              <a:ext uri="{FF2B5EF4-FFF2-40B4-BE49-F238E27FC236}">
                <a16:creationId xmlns:a16="http://schemas.microsoft.com/office/drawing/2014/main" id="{3A8AB653-73E8-05CF-EE6A-C97CDC398182}"/>
              </a:ext>
            </a:extLst>
          </p:cNvPr>
          <p:cNvSpPr>
            <a:spLocks noGrp="1"/>
          </p:cNvSpPr>
          <p:nvPr>
            <p:ph type="dt" sz="half" idx="10"/>
          </p:nvPr>
        </p:nvSpPr>
        <p:spPr/>
        <p:txBody>
          <a:bodyPr/>
          <a:lstStyle/>
          <a:p>
            <a:fld id="{8F17925E-7101-C045-A69F-C62D62D8A8D8}" type="datetime4">
              <a:rPr lang="en-US" smtClean="0"/>
              <a:pPr/>
              <a:t>July 7, 2023</a:t>
            </a:fld>
            <a:endParaRPr lang="en-GB" dirty="0"/>
          </a:p>
        </p:txBody>
      </p:sp>
      <p:sp>
        <p:nvSpPr>
          <p:cNvPr id="21" name="Text Placeholder 20">
            <a:extLst>
              <a:ext uri="{FF2B5EF4-FFF2-40B4-BE49-F238E27FC236}">
                <a16:creationId xmlns:a16="http://schemas.microsoft.com/office/drawing/2014/main" id="{6D2E7713-95D1-EF3A-14F4-0A419A859B0E}"/>
              </a:ext>
            </a:extLst>
          </p:cNvPr>
          <p:cNvSpPr>
            <a:spLocks noGrp="1"/>
          </p:cNvSpPr>
          <p:nvPr>
            <p:ph type="body" sz="quarter" idx="24"/>
          </p:nvPr>
        </p:nvSpPr>
        <p:spPr/>
        <p:txBody>
          <a:bodyPr/>
          <a:lstStyle/>
          <a:p>
            <a:endParaRPr lang="en-GB"/>
          </a:p>
        </p:txBody>
      </p:sp>
    </p:spTree>
    <p:custDataLst>
      <p:custData r:id="rId1"/>
      <p:custData r:id="rId2"/>
    </p:custDataLst>
    <p:extLst>
      <p:ext uri="{BB962C8B-B14F-4D97-AF65-F5344CB8AC3E}">
        <p14:creationId xmlns:p14="http://schemas.microsoft.com/office/powerpoint/2010/main" val="320524166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197DF7FC-2311-4E03-AAFE-2DADE0839E10}" type="datetime4">
              <a:rPr lang="en-US" smtClean="0"/>
              <a:pPr/>
              <a:t>July 7, 2023</a:t>
            </a:fld>
            <a:endParaRPr lang="en-US"/>
          </a:p>
        </p:txBody>
      </p:sp>
      <p:sp>
        <p:nvSpPr>
          <p:cNvPr id="3" name="Slide Number Placeholder 2"/>
          <p:cNvSpPr>
            <a:spLocks noGrp="1"/>
          </p:cNvSpPr>
          <p:nvPr>
            <p:ph type="sldNum" sz="quarter" idx="11"/>
          </p:nvPr>
        </p:nvSpPr>
        <p:spPr/>
        <p:txBody>
          <a:bodyPr/>
          <a:lstStyle/>
          <a:p>
            <a:fld id="{2DDEA8E7-5F55-4A60-8EF9-470692FC5635}" type="slidenum">
              <a:rPr lang="en-US" smtClean="0"/>
              <a:pPr/>
              <a:t>10</a:t>
            </a:fld>
            <a:endParaRPr lang="en-US"/>
          </a:p>
        </p:txBody>
      </p:sp>
      <p:sp>
        <p:nvSpPr>
          <p:cNvPr id="4" name="Text Placeholder 3"/>
          <p:cNvSpPr>
            <a:spLocks noGrp="1"/>
          </p:cNvSpPr>
          <p:nvPr>
            <p:ph type="body" sz="quarter" idx="24"/>
          </p:nvPr>
        </p:nvSpPr>
        <p:spPr/>
        <p:txBody>
          <a:bodyPr/>
          <a:lstStyle/>
          <a:p>
            <a:endParaRPr lang="en-US"/>
          </a:p>
        </p:txBody>
      </p:sp>
      <p:sp>
        <p:nvSpPr>
          <p:cNvPr id="5" name="Title 4"/>
          <p:cNvSpPr>
            <a:spLocks noGrp="1"/>
          </p:cNvSpPr>
          <p:nvPr>
            <p:ph type="title"/>
          </p:nvPr>
        </p:nvSpPr>
        <p:spPr/>
        <p:txBody>
          <a:bodyPr/>
          <a:lstStyle/>
          <a:p>
            <a:r>
              <a:rPr lang="en-US" dirty="0"/>
              <a:t>Contact </a:t>
            </a:r>
          </a:p>
        </p:txBody>
      </p:sp>
      <p:sp>
        <p:nvSpPr>
          <p:cNvPr id="6" name="Content Placeholder 5"/>
          <p:cNvSpPr>
            <a:spLocks noGrp="1"/>
          </p:cNvSpPr>
          <p:nvPr>
            <p:ph sz="quarter" idx="12"/>
          </p:nvPr>
        </p:nvSpPr>
        <p:spPr>
          <a:xfrm>
            <a:off x="384008" y="1835217"/>
            <a:ext cx="5309705" cy="4104000"/>
          </a:xfrm>
        </p:spPr>
        <p:txBody>
          <a:bodyPr/>
          <a:lstStyle/>
          <a:p>
            <a:r>
              <a:rPr lang="en-US" sz="3200" dirty="0"/>
              <a:t>join.wellthy.com/</a:t>
            </a:r>
            <a:r>
              <a:rPr lang="en-US" sz="3200" dirty="0" err="1"/>
              <a:t>uphs</a:t>
            </a:r>
            <a:endParaRPr lang="en-US" sz="3200" dirty="0"/>
          </a:p>
          <a:p>
            <a:endParaRPr lang="en-US" sz="3200" dirty="0"/>
          </a:p>
          <a:p>
            <a:r>
              <a:rPr lang="en-US" sz="2400" dirty="0"/>
              <a:t>WorkLife@pennmedicine.upenn.edu</a:t>
            </a:r>
          </a:p>
          <a:p>
            <a:endParaRPr lang="en-US" sz="2000" dirty="0"/>
          </a:p>
          <a:p>
            <a:r>
              <a:rPr lang="en-US" sz="2400" dirty="0"/>
              <a:t>Coming Soon: Benefit Spotlights:</a:t>
            </a:r>
          </a:p>
          <a:p>
            <a:r>
              <a:rPr lang="en-US" sz="2400" dirty="0"/>
              <a:t>	</a:t>
            </a:r>
            <a:r>
              <a:rPr lang="en-US" sz="2400" dirty="0">
                <a:hlinkClick r:id="rId2"/>
              </a:rPr>
              <a:t>July 14- 12:00pm</a:t>
            </a:r>
            <a:endParaRPr lang="en-US" sz="2400" dirty="0"/>
          </a:p>
          <a:p>
            <a:r>
              <a:rPr lang="en-US" sz="2400" dirty="0"/>
              <a:t>	</a:t>
            </a:r>
            <a:r>
              <a:rPr lang="en-US" sz="2400" dirty="0">
                <a:hlinkClick r:id="rId3"/>
              </a:rPr>
              <a:t>July 27- 9:00am</a:t>
            </a:r>
            <a:endParaRPr lang="en-US" sz="2400" dirty="0"/>
          </a:p>
          <a:p>
            <a:endParaRPr lang="en-US" sz="2000" dirty="0"/>
          </a:p>
          <a:p>
            <a:endParaRPr lang="en-US" sz="2000" dirty="0"/>
          </a:p>
          <a:p>
            <a:endParaRPr lang="en-US" sz="2000" dirty="0"/>
          </a:p>
        </p:txBody>
      </p:sp>
      <p:pic>
        <p:nvPicPr>
          <p:cNvPr id="8" name="Picture Placeholder 7"/>
          <p:cNvPicPr>
            <a:picLocks noGrp="1" noChangeAspect="1"/>
          </p:cNvPicPr>
          <p:nvPr>
            <p:ph type="pic" sz="quarter" idx="13"/>
          </p:nvPr>
        </p:nvPicPr>
        <p:blipFill>
          <a:blip r:embed="rId4"/>
          <a:srcRect l="6176" r="6176"/>
          <a:stretch>
            <a:fillRect/>
          </a:stretch>
        </p:blipFill>
        <p:spPr>
          <a:xfrm>
            <a:off x="5227465" y="2034000"/>
            <a:ext cx="5572125" cy="3347625"/>
          </a:xfrm>
          <a:prstGeom prst="rect">
            <a:avLst/>
          </a:prstGeom>
        </p:spPr>
      </p:pic>
    </p:spTree>
    <p:extLst>
      <p:ext uri="{BB962C8B-B14F-4D97-AF65-F5344CB8AC3E}">
        <p14:creationId xmlns:p14="http://schemas.microsoft.com/office/powerpoint/2010/main" val="387495032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69A8A0F0-973D-DF40-893B-7E79CDC675B4}"/>
              </a:ext>
            </a:extLst>
          </p:cNvPr>
          <p:cNvSpPr>
            <a:spLocks noGrp="1"/>
          </p:cNvSpPr>
          <p:nvPr>
            <p:ph type="dt" sz="half" idx="10"/>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July 7, 2023</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12"/>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1</a:t>
            </a:fld>
            <a:endParaRPr lang="en-GB" dirty="0"/>
          </a:p>
        </p:txBody>
      </p:sp>
      <p:sp>
        <p:nvSpPr>
          <p:cNvPr id="5" name="Text Placeholder 4">
            <a:extLst>
              <a:ext uri="{FF2B5EF4-FFF2-40B4-BE49-F238E27FC236}">
                <a16:creationId xmlns:a16="http://schemas.microsoft.com/office/drawing/2014/main" id="{7DC00F76-A9D2-234B-AF7A-A63A510089B9}"/>
              </a:ext>
            </a:extLst>
          </p:cNvPr>
          <p:cNvSpPr>
            <a:spLocks noGrp="1"/>
          </p:cNvSpPr>
          <p:nvPr>
            <p:ph type="body" sz="quarter" idx="24"/>
          </p:nvPr>
        </p:nvSpPr>
        <p:spPr/>
        <p:txBody>
          <a:bodyPr>
            <a:normAutofit fontScale="40000" lnSpcReduction="20000"/>
          </a:bodyPr>
          <a:lstStyle/>
          <a:p>
            <a:endParaRPr lang="en-US"/>
          </a:p>
        </p:txBody>
      </p:sp>
    </p:spTree>
    <p:custDataLst>
      <p:custData r:id="rId1"/>
      <p:custData r:id="rId2"/>
    </p:custDataLst>
    <p:extLst>
      <p:ext uri="{BB962C8B-B14F-4D97-AF65-F5344CB8AC3E}">
        <p14:creationId xmlns:p14="http://schemas.microsoft.com/office/powerpoint/2010/main" val="13457302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B9F32F54-5DE6-7B45-B0CB-C588B2AE665D}"/>
              </a:ext>
            </a:extLst>
          </p:cNvPr>
          <p:cNvSpPr>
            <a:spLocks noGrp="1"/>
          </p:cNvSpPr>
          <p:nvPr>
            <p:ph type="dt" sz="half" idx="10"/>
          </p:nvPr>
        </p:nvSpPr>
        <p:spPr/>
        <p:txBody>
          <a:bodyPr/>
          <a:lstStyle/>
          <a:p>
            <a:fld id="{8DD71205-544B-0946-B750-2AF78278BF76}" type="datetime4">
              <a:rPr lang="en-US"/>
              <a:pPr/>
              <a:t>July 7, 2023</a:t>
            </a:fld>
            <a:endParaRPr lang="en-GB" dirty="0"/>
          </a:p>
        </p:txBody>
      </p:sp>
      <p:sp>
        <p:nvSpPr>
          <p:cNvPr id="10" name="Slide Number Placeholder 9">
            <a:extLst>
              <a:ext uri="{FF2B5EF4-FFF2-40B4-BE49-F238E27FC236}">
                <a16:creationId xmlns:a16="http://schemas.microsoft.com/office/drawing/2014/main" id="{69D45438-A388-984C-BBDE-6196366B86D5}"/>
              </a:ext>
            </a:extLst>
          </p:cNvPr>
          <p:cNvSpPr>
            <a:spLocks noGrp="1"/>
          </p:cNvSpPr>
          <p:nvPr>
            <p:ph type="sldNum" sz="quarter" idx="11"/>
          </p:nvPr>
        </p:nvSpPr>
        <p:spPr/>
        <p:txBody>
          <a:bodyPr/>
          <a:lstStyle/>
          <a:p>
            <a:fld id="{23AA811B-2EBD-4900-905E-5BE206449611}" type="slidenum">
              <a:rPr lang="en-GB"/>
              <a:pPr/>
              <a:t>2</a:t>
            </a:fld>
            <a:endParaRPr lang="en-GB" dirty="0"/>
          </a:p>
        </p:txBody>
      </p:sp>
      <p:sp>
        <p:nvSpPr>
          <p:cNvPr id="6" name="Text Placeholder 5"/>
          <p:cNvSpPr>
            <a:spLocks noGrp="1"/>
          </p:cNvSpPr>
          <p:nvPr>
            <p:ph sz="quarter" idx="13"/>
          </p:nvPr>
        </p:nvSpPr>
        <p:spPr/>
        <p:txBody>
          <a:bodyPr/>
          <a:lstStyle/>
          <a:p>
            <a:pPr lvl="4"/>
            <a:r>
              <a:rPr lang="en-US" dirty="0"/>
              <a:t>the best care for our patients, starts with the best care for yourself.</a:t>
            </a:r>
          </a:p>
          <a:p>
            <a:pPr lvl="4"/>
            <a:endParaRPr lang="en-US" dirty="0"/>
          </a:p>
          <a:p>
            <a:pPr marL="0" lvl="1" indent="0">
              <a:buNone/>
            </a:pPr>
            <a:r>
              <a:rPr lang="en-US" sz="2400" dirty="0"/>
              <a:t>Balancing career, family, and personal life can be challenging, especially if you’re caring for a loved one’s well-being in addition to your own. In an effort to alleviate employees, we’re providing you and your families with access to Wellthy, a caregiving support solution, as a covered benefit.</a:t>
            </a:r>
          </a:p>
        </p:txBody>
      </p:sp>
      <p:sp>
        <p:nvSpPr>
          <p:cNvPr id="3" name="Title 2">
            <a:extLst>
              <a:ext uri="{FF2B5EF4-FFF2-40B4-BE49-F238E27FC236}">
                <a16:creationId xmlns:a16="http://schemas.microsoft.com/office/drawing/2014/main" id="{308DC6CF-B754-8C74-43CC-891368427D63}"/>
              </a:ext>
            </a:extLst>
          </p:cNvPr>
          <p:cNvSpPr>
            <a:spLocks noGrp="1"/>
          </p:cNvSpPr>
          <p:nvPr>
            <p:ph type="title"/>
          </p:nvPr>
        </p:nvSpPr>
        <p:spPr/>
        <p:txBody>
          <a:bodyPr/>
          <a:lstStyle/>
          <a:p>
            <a:r>
              <a:rPr lang="en-US" dirty="0"/>
              <a:t>Background </a:t>
            </a:r>
          </a:p>
        </p:txBody>
      </p:sp>
      <p:pic>
        <p:nvPicPr>
          <p:cNvPr id="11" name="Picture Placeholder 10"/>
          <p:cNvPicPr>
            <a:picLocks noGrp="1" noChangeAspect="1"/>
          </p:cNvPicPr>
          <p:nvPr>
            <p:ph type="pic" sz="quarter" idx="14"/>
          </p:nvPr>
        </p:nvPicPr>
        <p:blipFill>
          <a:blip r:embed="rId5"/>
          <a:srcRect l="8427" r="8427"/>
          <a:stretch>
            <a:fillRect/>
          </a:stretch>
        </p:blipFill>
        <p:spPr>
          <a:prstGeom prst="rect">
            <a:avLst/>
          </a:prstGeom>
        </p:spPr>
      </p:pic>
    </p:spTree>
    <p:custDataLst>
      <p:custData r:id="rId1"/>
      <p:custData r:id="rId2"/>
    </p:custDataLst>
    <p:extLst>
      <p:ext uri="{BB962C8B-B14F-4D97-AF65-F5344CB8AC3E}">
        <p14:creationId xmlns:p14="http://schemas.microsoft.com/office/powerpoint/2010/main" val="30280753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719999" y="1693334"/>
            <a:ext cx="5196000" cy="3157008"/>
          </a:xfrm>
        </p:spPr>
        <p:txBody>
          <a:bodyPr/>
          <a:lstStyle/>
          <a:p>
            <a:r>
              <a:rPr lang="en-US" sz="2000" b="1" dirty="0"/>
              <a:t>What is Wellthy? </a:t>
            </a:r>
          </a:p>
          <a:p>
            <a:r>
              <a:rPr lang="en-US" sz="2000" dirty="0"/>
              <a:t>Wellthy’s care solution pairs a suite of digital tools in the Care Dashboard with human-touch support from a Wellthy Care Coordinator who will take on administrative and logistical tasks on your family’s behalf. It also includes Wellthy Community –  a peer-to-peer space for family caregivers to connect and exchange knowledge.</a:t>
            </a:r>
          </a:p>
        </p:txBody>
      </p:sp>
      <p:sp>
        <p:nvSpPr>
          <p:cNvPr id="4" name="Date Placeholder 3">
            <a:extLst>
              <a:ext uri="{FF2B5EF4-FFF2-40B4-BE49-F238E27FC236}">
                <a16:creationId xmlns:a16="http://schemas.microsoft.com/office/drawing/2014/main" id="{9AEB06CA-F23F-21C4-C699-46B87D46BC3B}"/>
              </a:ext>
            </a:extLst>
          </p:cNvPr>
          <p:cNvSpPr>
            <a:spLocks noGrp="1"/>
          </p:cNvSpPr>
          <p:nvPr>
            <p:ph type="dt" sz="half" idx="10"/>
          </p:nvPr>
        </p:nvSpPr>
        <p:spPr/>
        <p:txBody>
          <a:bodyPr/>
          <a:lstStyle/>
          <a:p>
            <a:fld id="{0B530299-CA6B-4E8C-BCCE-DD62263A5EED}" type="datetime4">
              <a:rPr lang="en-US" noProof="0" smtClean="0"/>
              <a:t>July 7, 2023</a:t>
            </a:fld>
            <a:endParaRPr lang="en-US" noProof="0"/>
          </a:p>
        </p:txBody>
      </p:sp>
      <p:sp>
        <p:nvSpPr>
          <p:cNvPr id="5" name="Slide Number Placeholder 4">
            <a:extLst>
              <a:ext uri="{FF2B5EF4-FFF2-40B4-BE49-F238E27FC236}">
                <a16:creationId xmlns:a16="http://schemas.microsoft.com/office/drawing/2014/main" id="{1A8117B6-176C-1F52-DCD1-B9EC197C73CE}"/>
              </a:ext>
            </a:extLst>
          </p:cNvPr>
          <p:cNvSpPr>
            <a:spLocks noGrp="1"/>
          </p:cNvSpPr>
          <p:nvPr>
            <p:ph type="sldNum" sz="quarter" idx="11"/>
          </p:nvPr>
        </p:nvSpPr>
        <p:spPr/>
        <p:txBody>
          <a:bodyPr/>
          <a:lstStyle/>
          <a:p>
            <a:fld id="{2DDEA8E7-5F55-4A60-8EF9-470692FC5635}" type="slidenum">
              <a:rPr lang="en-US" noProof="0" smtClean="0"/>
              <a:pPr/>
              <a:t>3</a:t>
            </a:fld>
            <a:endParaRPr lang="en-US" noProof="0"/>
          </a:p>
        </p:txBody>
      </p:sp>
      <p:sp>
        <p:nvSpPr>
          <p:cNvPr id="10" name="Content Placeholder 9"/>
          <p:cNvSpPr>
            <a:spLocks noGrp="1"/>
          </p:cNvSpPr>
          <p:nvPr>
            <p:ph idx="12"/>
          </p:nvPr>
        </p:nvSpPr>
        <p:spPr>
          <a:xfrm>
            <a:off x="6328933" y="3652106"/>
            <a:ext cx="5413888" cy="2396472"/>
          </a:xfrm>
        </p:spPr>
        <p:txBody>
          <a:bodyPr/>
          <a:lstStyle/>
          <a:p>
            <a:r>
              <a:rPr lang="en-US" sz="2000" b="1" dirty="0"/>
              <a:t>Who can Wellthy support?</a:t>
            </a:r>
          </a:p>
          <a:p>
            <a:r>
              <a:rPr lang="en-US" sz="2000" b="1" dirty="0"/>
              <a:t>This benefit applies to all Benefit Eligible Employees </a:t>
            </a:r>
          </a:p>
          <a:p>
            <a:r>
              <a:rPr lang="en-US" sz="2000" dirty="0"/>
              <a:t> Wellthy is available to help you care for yourself, or any of your loved ones. This means parents, children, spouses, in-laws, siblings, neighbors, or anyone whose care needs are impacting your day-to-day life.</a:t>
            </a:r>
          </a:p>
          <a:p>
            <a:endParaRPr lang="en-US" dirty="0"/>
          </a:p>
          <a:p>
            <a:endParaRPr lang="en-US" dirty="0"/>
          </a:p>
        </p:txBody>
      </p:sp>
      <p:sp>
        <p:nvSpPr>
          <p:cNvPr id="12" name="Rectangle 11"/>
          <p:cNvSpPr/>
          <p:nvPr/>
        </p:nvSpPr>
        <p:spPr>
          <a:xfrm>
            <a:off x="608764" y="712082"/>
            <a:ext cx="5418471" cy="707886"/>
          </a:xfrm>
          <a:prstGeom prst="rect">
            <a:avLst/>
          </a:prstGeom>
        </p:spPr>
        <p:txBody>
          <a:bodyPr wrap="none">
            <a:spAutoFit/>
          </a:bodyPr>
          <a:lstStyle/>
          <a:p>
            <a:r>
              <a:rPr lang="en-US" sz="4000" b="1" dirty="0">
                <a:solidFill>
                  <a:schemeClr val="tx2"/>
                </a:solidFill>
              </a:rPr>
              <a:t>Penn Medicine + Wellthy </a:t>
            </a:r>
          </a:p>
        </p:txBody>
      </p:sp>
      <p:pic>
        <p:nvPicPr>
          <p:cNvPr id="13" name="Picture 12"/>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877877" y="4558771"/>
            <a:ext cx="3555378" cy="1453676"/>
          </a:xfrm>
          <a:prstGeom prst="rect">
            <a:avLst/>
          </a:prstGeom>
        </p:spPr>
      </p:pic>
      <p:pic>
        <p:nvPicPr>
          <p:cNvPr id="15" name="Graphic 9" descr="Brain in head outline">
            <a:extLst>
              <a:ext uri="{FF2B5EF4-FFF2-40B4-BE49-F238E27FC236}">
                <a16:creationId xmlns:a16="http://schemas.microsoft.com/office/drawing/2014/main" id="{4B5DB492-0DF3-CE4A-A327-A0BEFCFA5839}"/>
              </a:ext>
            </a:extLst>
          </p:cNvPr>
          <p:cNvPicPr>
            <a:picLocks noChangeAspect="1"/>
          </p:cNvPicPr>
          <p:nvPr/>
        </p:nvPicPr>
        <p:blipFill>
          <a:blip r:embed="rId5">
            <a:duotone>
              <a:prstClr val="black"/>
              <a:schemeClr val="accent3">
                <a:tint val="45000"/>
                <a:satMod val="400000"/>
              </a:schemeClr>
            </a:duotone>
            <a:extLst>
              <a:ext uri="{28A0092B-C50C-407E-A947-70E740481C1C}">
                <a14:useLocalDpi xmlns:a14="http://schemas.microsoft.com/office/drawing/2010/main" val="0"/>
              </a:ext>
              <a:ext uri="{96DAC541-7B7A-43D3-8B79-37D633B846F1}">
                <asvg:svgBlip xmlns="" xmlns:asvg="http://schemas.microsoft.com/office/drawing/2016/SVG/main" r:embed="rId6"/>
              </a:ext>
            </a:extLst>
          </a:blip>
          <a:stretch>
            <a:fillRect/>
          </a:stretch>
        </p:blipFill>
        <p:spPr>
          <a:xfrm>
            <a:off x="7198907" y="1201492"/>
            <a:ext cx="1897360" cy="1897360"/>
          </a:xfrm>
          <a:prstGeom prst="rect">
            <a:avLst/>
          </a:prstGeom>
        </p:spPr>
      </p:pic>
    </p:spTree>
    <p:custDataLst>
      <p:custData r:id="rId1"/>
      <p:custData r:id="rId2"/>
    </p:custDataLst>
    <p:extLst>
      <p:ext uri="{BB962C8B-B14F-4D97-AF65-F5344CB8AC3E}">
        <p14:creationId xmlns:p14="http://schemas.microsoft.com/office/powerpoint/2010/main" val="126840124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p:cNvPicPr>
            <a:picLocks noGrp="1" noChangeAspect="1"/>
          </p:cNvPicPr>
          <p:nvPr>
            <p:ph type="pic" sz="quarter" idx="14"/>
          </p:nvPr>
        </p:nvPicPr>
        <p:blipFill>
          <a:blip r:embed="rId5"/>
          <a:srcRect l="19830" r="19830"/>
          <a:stretch>
            <a:fillRect/>
          </a:stretch>
        </p:blipFill>
        <p:spPr>
          <a:xfrm>
            <a:off x="0" y="954247"/>
            <a:ext cx="2943419" cy="4943671"/>
          </a:xfrm>
          <a:prstGeom prst="rect">
            <a:avLst/>
          </a:prstGeom>
        </p:spPr>
      </p:pic>
      <p:sp>
        <p:nvSpPr>
          <p:cNvPr id="14" name="Flowchart: Process 13">
            <a:extLst>
              <a:ext uri="{FF2B5EF4-FFF2-40B4-BE49-F238E27FC236}">
                <a16:creationId xmlns:a16="http://schemas.microsoft.com/office/drawing/2014/main" id="{92D946AC-8E54-4AFE-8A12-CF3CB3A68529}"/>
              </a:ext>
            </a:extLst>
          </p:cNvPr>
          <p:cNvSpPr/>
          <p:nvPr/>
        </p:nvSpPr>
        <p:spPr>
          <a:xfrm>
            <a:off x="2780771" y="0"/>
            <a:ext cx="3840162" cy="6858000"/>
          </a:xfrm>
          <a:prstGeom prst="flowChartProcess">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Title 2">
            <a:extLst>
              <a:ext uri="{FF2B5EF4-FFF2-40B4-BE49-F238E27FC236}">
                <a16:creationId xmlns:a16="http://schemas.microsoft.com/office/drawing/2014/main" id="{EF184266-610C-4A5D-0C30-CC6E6685A7CC}"/>
              </a:ext>
            </a:extLst>
          </p:cNvPr>
          <p:cNvSpPr>
            <a:spLocks noGrp="1"/>
          </p:cNvSpPr>
          <p:nvPr>
            <p:ph type="title"/>
          </p:nvPr>
        </p:nvSpPr>
        <p:spPr>
          <a:xfrm>
            <a:off x="3175543" y="670680"/>
            <a:ext cx="2418362" cy="1032600"/>
          </a:xfrm>
        </p:spPr>
        <p:txBody>
          <a:bodyPr/>
          <a:lstStyle/>
          <a:p>
            <a:r>
              <a:rPr lang="en-US" dirty="0">
                <a:solidFill>
                  <a:schemeClr val="bg1"/>
                </a:solidFill>
              </a:rPr>
              <a:t>What can Wellthy help with? </a:t>
            </a:r>
          </a:p>
        </p:txBody>
      </p:sp>
      <p:sp>
        <p:nvSpPr>
          <p:cNvPr id="21" name="Title 2">
            <a:extLst>
              <a:ext uri="{FF2B5EF4-FFF2-40B4-BE49-F238E27FC236}">
                <a16:creationId xmlns:a16="http://schemas.microsoft.com/office/drawing/2014/main" id="{EF184266-610C-4A5D-0C30-CC6E6685A7CC}"/>
              </a:ext>
            </a:extLst>
          </p:cNvPr>
          <p:cNvSpPr txBox="1">
            <a:spLocks/>
          </p:cNvSpPr>
          <p:nvPr/>
        </p:nvSpPr>
        <p:spPr>
          <a:xfrm>
            <a:off x="3175543" y="2909782"/>
            <a:ext cx="3002284" cy="10326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sz="2400" dirty="0">
                <a:solidFill>
                  <a:schemeClr val="bg1"/>
                </a:solidFill>
              </a:rPr>
              <a:t>Whether it’s care for yourself, your spouse, your children, your parents, or a member of your chosen family, Wellthy is here to help.</a:t>
            </a:r>
          </a:p>
        </p:txBody>
      </p:sp>
      <p:pic>
        <p:nvPicPr>
          <p:cNvPr id="22" name="Content Placeholder 20"/>
          <p:cNvPicPr>
            <a:picLocks noGrp="1" noChangeAspect="1"/>
          </p:cNvPicPr>
          <p:nvPr>
            <p:ph sz="quarter" idx="13"/>
          </p:nvPr>
        </p:nvPicPr>
        <p:blipFill>
          <a:blip r:embed="rId6"/>
          <a:stretch>
            <a:fillRect/>
          </a:stretch>
        </p:blipFill>
        <p:spPr>
          <a:xfrm>
            <a:off x="7243639" y="339945"/>
            <a:ext cx="3478094" cy="3419255"/>
          </a:xfrm>
          <a:prstGeom prst="rect">
            <a:avLst/>
          </a:prstGeom>
        </p:spPr>
      </p:pic>
      <p:pic>
        <p:nvPicPr>
          <p:cNvPr id="23" name="Picture 22"/>
          <p:cNvPicPr>
            <a:picLocks noChangeAspect="1"/>
          </p:cNvPicPr>
          <p:nvPr/>
        </p:nvPicPr>
        <p:blipFill>
          <a:blip r:embed="rId7"/>
          <a:stretch>
            <a:fillRect/>
          </a:stretch>
        </p:blipFill>
        <p:spPr>
          <a:xfrm>
            <a:off x="7243639" y="3759200"/>
            <a:ext cx="3478094" cy="2845713"/>
          </a:xfrm>
          <a:prstGeom prst="rect">
            <a:avLst/>
          </a:prstGeom>
        </p:spPr>
      </p:pic>
    </p:spTree>
    <p:custDataLst>
      <p:custData r:id="rId1"/>
      <p:custData r:id="rId2"/>
    </p:custDataLst>
    <p:extLst>
      <p:ext uri="{BB962C8B-B14F-4D97-AF65-F5344CB8AC3E}">
        <p14:creationId xmlns:p14="http://schemas.microsoft.com/office/powerpoint/2010/main" val="407237349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 name="Rounded Rectangle 18"/>
          <p:cNvSpPr/>
          <p:nvPr/>
        </p:nvSpPr>
        <p:spPr bwMode="auto">
          <a:xfrm>
            <a:off x="8404870" y="1840818"/>
            <a:ext cx="3015976" cy="4714410"/>
          </a:xfrm>
          <a:prstGeom prst="roundRect">
            <a:avLst>
              <a:gd name="adj" fmla="val 3042"/>
            </a:avLst>
          </a:prstGeom>
          <a:solidFill>
            <a:schemeClr val="bg1"/>
          </a:solidFill>
          <a:ln w="19050">
            <a:solidFill>
              <a:schemeClr val="accent3"/>
            </a:solidFill>
            <a:round/>
            <a:headEnd/>
            <a:tailEnd/>
          </a:ln>
        </p:spPr>
        <p:txBody>
          <a:bodyPr vert="horz" wrap="square" lIns="121920" tIns="60960" rIns="121920" bIns="60960" numCol="1" rtlCol="0" anchor="t" anchorCtr="0" compatLnSpc="1">
            <a:prstTxWarp prst="textNoShape">
              <a:avLst/>
            </a:prstTxWarp>
          </a:bodyPr>
          <a:lstStyle/>
          <a:p>
            <a:pPr algn="ctr"/>
            <a:endParaRPr lang="en-US" sz="2133"/>
          </a:p>
        </p:txBody>
      </p:sp>
      <p:sp>
        <p:nvSpPr>
          <p:cNvPr id="18" name="Rounded Rectangle 17"/>
          <p:cNvSpPr/>
          <p:nvPr/>
        </p:nvSpPr>
        <p:spPr bwMode="auto">
          <a:xfrm>
            <a:off x="1434608" y="1840818"/>
            <a:ext cx="3015976" cy="4714410"/>
          </a:xfrm>
          <a:prstGeom prst="roundRect">
            <a:avLst>
              <a:gd name="adj" fmla="val 3042"/>
            </a:avLst>
          </a:prstGeom>
          <a:solidFill>
            <a:schemeClr val="bg1"/>
          </a:solidFill>
          <a:ln w="19050">
            <a:solidFill>
              <a:schemeClr val="accent3"/>
            </a:solidFill>
            <a:round/>
            <a:headEnd/>
            <a:tailEnd/>
          </a:ln>
        </p:spPr>
        <p:txBody>
          <a:bodyPr vert="horz" wrap="square" lIns="121920" tIns="60960" rIns="121920" bIns="60960" numCol="1" rtlCol="0" anchor="t" anchorCtr="0" compatLnSpc="1">
            <a:prstTxWarp prst="textNoShape">
              <a:avLst/>
            </a:prstTxWarp>
          </a:bodyPr>
          <a:lstStyle/>
          <a:p>
            <a:pPr algn="ctr"/>
            <a:endParaRPr lang="en-US" sz="2133"/>
          </a:p>
        </p:txBody>
      </p:sp>
      <p:sp>
        <p:nvSpPr>
          <p:cNvPr id="26" name="Rounded Rectangle 25"/>
          <p:cNvSpPr/>
          <p:nvPr/>
        </p:nvSpPr>
        <p:spPr bwMode="auto">
          <a:xfrm>
            <a:off x="4919739" y="1905059"/>
            <a:ext cx="3015976" cy="4714410"/>
          </a:xfrm>
          <a:prstGeom prst="roundRect">
            <a:avLst>
              <a:gd name="adj" fmla="val 3042"/>
            </a:avLst>
          </a:prstGeom>
          <a:solidFill>
            <a:schemeClr val="bg1"/>
          </a:solidFill>
          <a:ln w="19050">
            <a:solidFill>
              <a:schemeClr val="accent3"/>
            </a:solidFill>
            <a:round/>
            <a:headEnd/>
            <a:tailEnd/>
          </a:ln>
        </p:spPr>
        <p:txBody>
          <a:bodyPr vert="horz" wrap="square" lIns="121920" tIns="60960" rIns="121920" bIns="60960" numCol="1" rtlCol="0" anchor="t" anchorCtr="0" compatLnSpc="1">
            <a:prstTxWarp prst="textNoShape">
              <a:avLst/>
            </a:prstTxWarp>
          </a:bodyPr>
          <a:lstStyle/>
          <a:p>
            <a:pPr algn="ctr"/>
            <a:endParaRPr lang="en-US" sz="2133"/>
          </a:p>
        </p:txBody>
      </p:sp>
      <p:sp>
        <p:nvSpPr>
          <p:cNvPr id="4" name="Title 3">
            <a:extLst>
              <a:ext uri="{FF2B5EF4-FFF2-40B4-BE49-F238E27FC236}">
                <a16:creationId xmlns:a16="http://schemas.microsoft.com/office/drawing/2014/main" id="{067EB456-14A2-F40D-D057-5C2470B68173}"/>
              </a:ext>
            </a:extLst>
          </p:cNvPr>
          <p:cNvSpPr>
            <a:spLocks noGrp="1"/>
          </p:cNvSpPr>
          <p:nvPr>
            <p:ph type="title"/>
          </p:nvPr>
        </p:nvSpPr>
        <p:spPr/>
        <p:txBody>
          <a:bodyPr/>
          <a:lstStyle/>
          <a:p>
            <a:r>
              <a:rPr lang="en-US" dirty="0"/>
              <a:t>How can Wellthy help? </a:t>
            </a:r>
          </a:p>
        </p:txBody>
      </p:sp>
      <p:sp>
        <p:nvSpPr>
          <p:cNvPr id="6" name="Text Placeholder 5"/>
          <p:cNvSpPr>
            <a:spLocks noGrp="1"/>
          </p:cNvSpPr>
          <p:nvPr>
            <p:ph idx="1"/>
          </p:nvPr>
        </p:nvSpPr>
        <p:spPr>
          <a:xfrm>
            <a:off x="5116377" y="3181323"/>
            <a:ext cx="2622699" cy="2887662"/>
          </a:xfrm>
          <a:ln>
            <a:noFill/>
          </a:ln>
        </p:spPr>
        <p:txBody>
          <a:bodyPr/>
          <a:lstStyle/>
          <a:p>
            <a:pPr algn="ctr"/>
            <a:r>
              <a:rPr lang="en-US" sz="1600" u="sng" dirty="0">
                <a:latin typeface="+mj-lt"/>
              </a:rPr>
              <a:t>If you’re in the midst of a care situation</a:t>
            </a:r>
            <a:r>
              <a:rPr lang="en-US" sz="1600" dirty="0">
                <a:latin typeface="+mj-lt"/>
              </a:rPr>
              <a:t>, start a Care Project to get matched with a Care Coordinator. This expert will get to know your needs, map out priorities, and handle those tricky and time-consuming tasks related to care (think: researching providers, scheduling appointments, appealing medical bills, vetting aides). </a:t>
            </a:r>
          </a:p>
          <a:p>
            <a:pPr algn="ctr"/>
            <a:endParaRPr lang="en-US" dirty="0">
              <a:latin typeface="+mj-lt"/>
            </a:endParaRPr>
          </a:p>
        </p:txBody>
      </p:sp>
      <p:sp>
        <p:nvSpPr>
          <p:cNvPr id="7" name="Date Placeholder 6">
            <a:extLst>
              <a:ext uri="{FF2B5EF4-FFF2-40B4-BE49-F238E27FC236}">
                <a16:creationId xmlns:a16="http://schemas.microsoft.com/office/drawing/2014/main" id="{289FEE9D-802B-F64D-A8CB-104ACC1BDE29}"/>
              </a:ext>
            </a:extLst>
          </p:cNvPr>
          <p:cNvSpPr>
            <a:spLocks noGrp="1"/>
          </p:cNvSpPr>
          <p:nvPr>
            <p:ph type="dt" sz="half" idx="10"/>
          </p:nvPr>
        </p:nvSpPr>
        <p:spPr/>
        <p:txBody>
          <a:bodyPr/>
          <a:lstStyle/>
          <a:p>
            <a:fld id="{978254D2-44DB-0A4F-9188-AE82A8B32FC8}" type="datetime4">
              <a:rPr lang="en-US"/>
              <a:pPr/>
              <a:t>July 7, 2023</a:t>
            </a:fld>
            <a:endParaRPr lang="en-GB" dirty="0"/>
          </a:p>
        </p:txBody>
      </p:sp>
      <p:sp>
        <p:nvSpPr>
          <p:cNvPr id="9" name="Slide Number Placeholder 8">
            <a:extLst>
              <a:ext uri="{FF2B5EF4-FFF2-40B4-BE49-F238E27FC236}">
                <a16:creationId xmlns:a16="http://schemas.microsoft.com/office/drawing/2014/main" id="{F78118D5-3294-CE42-A507-786AB6C0D3D6}"/>
              </a:ext>
            </a:extLst>
          </p:cNvPr>
          <p:cNvSpPr>
            <a:spLocks noGrp="1"/>
          </p:cNvSpPr>
          <p:nvPr>
            <p:ph type="sldNum" sz="quarter" idx="11"/>
          </p:nvPr>
        </p:nvSpPr>
        <p:spPr/>
        <p:txBody>
          <a:bodyPr/>
          <a:lstStyle/>
          <a:p>
            <a:fld id="{23AA811B-2EBD-4900-905E-5BE206449611}" type="slidenum">
              <a:rPr lang="en-GB"/>
              <a:pPr/>
              <a:t>5</a:t>
            </a:fld>
            <a:endParaRPr lang="en-GB" dirty="0"/>
          </a:p>
        </p:txBody>
      </p:sp>
      <p:pic>
        <p:nvPicPr>
          <p:cNvPr id="25" name="Content Placeholder 24" descr="Life ring outline">
            <a:extLst>
              <a:ext uri="{FF2B5EF4-FFF2-40B4-BE49-F238E27FC236}">
                <a16:creationId xmlns:a16="http://schemas.microsoft.com/office/drawing/2014/main" id="{5061FDD7-D734-C249-AC6A-5D0D97282BBA}"/>
              </a:ext>
            </a:extLst>
          </p:cNvPr>
          <p:cNvPicPr>
            <a:picLocks noGrp="1" noChangeAspect="1"/>
          </p:cNvPicPr>
          <p:nvPr>
            <p:ph idx="12"/>
          </p:nvPr>
        </p:nvPicPr>
        <p:blipFill>
          <a:blip r:embed="rId5" cstate="hqprint">
            <a:extLst>
              <a:ext uri="{28A0092B-C50C-407E-A947-70E740481C1C}">
                <a14:useLocalDpi xmlns:a14="http://schemas.microsoft.com/office/drawing/2010/main" val="0"/>
              </a:ext>
              <a:ext uri="{96DAC541-7B7A-43D3-8B79-37D633B846F1}">
                <asvg:svgBlip xmlns="" xmlns:asvg="http://schemas.microsoft.com/office/drawing/2016/SVG/main" r:embed="rId6"/>
              </a:ext>
            </a:extLst>
          </a:blip>
          <a:stretch>
            <a:fillRect/>
          </a:stretch>
        </p:blipFill>
        <p:spPr>
          <a:xfrm>
            <a:off x="9455657" y="2173058"/>
            <a:ext cx="914400" cy="914400"/>
          </a:xfrm>
        </p:spPr>
      </p:pic>
      <p:pic>
        <p:nvPicPr>
          <p:cNvPr id="31" name="Graphic 30" descr="Handshake outline">
            <a:extLst>
              <a:ext uri="{FF2B5EF4-FFF2-40B4-BE49-F238E27FC236}">
                <a16:creationId xmlns:a16="http://schemas.microsoft.com/office/drawing/2014/main" id="{6F1B33FE-EB0E-7E4D-9915-18A48531B1FD}"/>
              </a:ext>
            </a:extLst>
          </p:cNvPr>
          <p:cNvPicPr>
            <a:picLocks noChangeAspect="1"/>
          </p:cNvPicPr>
          <p:nvPr/>
        </p:nvPicPr>
        <p:blipFill>
          <a:blip r:embed="rId7" cstate="hqprint">
            <a:extLst>
              <a:ext uri="{28A0092B-C50C-407E-A947-70E740481C1C}">
                <a14:useLocalDpi xmlns:a14="http://schemas.microsoft.com/office/drawing/2010/main" val="0"/>
              </a:ext>
              <a:ext uri="{96DAC541-7B7A-43D3-8B79-37D633B846F1}">
                <asvg:svgBlip xmlns="" xmlns:asvg="http://schemas.microsoft.com/office/drawing/2016/SVG/main" r:embed="rId8"/>
              </a:ext>
            </a:extLst>
          </a:blip>
          <a:stretch>
            <a:fillRect/>
          </a:stretch>
        </p:blipFill>
        <p:spPr>
          <a:xfrm>
            <a:off x="5902534" y="2266923"/>
            <a:ext cx="914400" cy="914400"/>
          </a:xfrm>
          <a:prstGeom prst="rect">
            <a:avLst/>
          </a:prstGeom>
        </p:spPr>
      </p:pic>
      <p:pic>
        <p:nvPicPr>
          <p:cNvPr id="43" name="Graphic 42" descr="Chat outline">
            <a:extLst>
              <a:ext uri="{FF2B5EF4-FFF2-40B4-BE49-F238E27FC236}">
                <a16:creationId xmlns:a16="http://schemas.microsoft.com/office/drawing/2014/main" id="{DFBAF62A-3DAD-D645-B361-72618303706D}"/>
              </a:ext>
            </a:extLst>
          </p:cNvPr>
          <p:cNvPicPr>
            <a:picLocks noChangeAspect="1"/>
          </p:cNvPicPr>
          <p:nvPr/>
        </p:nvPicPr>
        <p:blipFill>
          <a:blip r:embed="rId9" cstate="hqprint">
            <a:duotone>
              <a:prstClr val="black"/>
              <a:schemeClr val="accent3">
                <a:tint val="45000"/>
                <a:satMod val="400000"/>
              </a:schemeClr>
            </a:duotone>
            <a:extLst>
              <a:ext uri="{28A0092B-C50C-407E-A947-70E740481C1C}">
                <a14:useLocalDpi xmlns:a14="http://schemas.microsoft.com/office/drawing/2010/main" val="0"/>
              </a:ext>
              <a:ext uri="{96DAC541-7B7A-43D3-8B79-37D633B846F1}">
                <asvg:svgBlip xmlns="" xmlns:asvg="http://schemas.microsoft.com/office/drawing/2016/SVG/main" r:embed="rId10"/>
              </a:ext>
            </a:extLst>
          </a:blip>
          <a:stretch>
            <a:fillRect/>
          </a:stretch>
        </p:blipFill>
        <p:spPr>
          <a:xfrm>
            <a:off x="2485396" y="2173058"/>
            <a:ext cx="914400" cy="914400"/>
          </a:xfrm>
          <a:prstGeom prst="rect">
            <a:avLst/>
          </a:prstGeom>
          <a:ln>
            <a:solidFill>
              <a:schemeClr val="bg1"/>
            </a:solidFill>
          </a:ln>
        </p:spPr>
      </p:pic>
      <p:sp>
        <p:nvSpPr>
          <p:cNvPr id="21" name="Content Placeholder 1">
            <a:extLst>
              <a:ext uri="{FF2B5EF4-FFF2-40B4-BE49-F238E27FC236}">
                <a16:creationId xmlns:a16="http://schemas.microsoft.com/office/drawing/2014/main" id="{097254B2-7521-E141-9AF9-E2A6D7142FE1}"/>
              </a:ext>
            </a:extLst>
          </p:cNvPr>
          <p:cNvSpPr txBox="1">
            <a:spLocks/>
          </p:cNvSpPr>
          <p:nvPr/>
        </p:nvSpPr>
        <p:spPr>
          <a:xfrm>
            <a:off x="1879676" y="3099856"/>
            <a:ext cx="2092255" cy="2675134"/>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0" algn="ctr" fontAlgn="base"/>
            <a:r>
              <a:rPr lang="en-US" sz="1600" u="sng" dirty="0"/>
              <a:t>If you’re in the planning stage or don’t have immediate care needs</a:t>
            </a:r>
            <a:r>
              <a:rPr lang="en-US" sz="1600" dirty="0"/>
              <a:t>, create an account so it’s there for when you need it and familiarize yourself with the Care Dashboard’s digital tools. </a:t>
            </a:r>
          </a:p>
          <a:p>
            <a:pPr algn="ctr"/>
            <a:endParaRPr lang="en-US" dirty="0"/>
          </a:p>
        </p:txBody>
      </p:sp>
      <p:sp>
        <p:nvSpPr>
          <p:cNvPr id="15" name="Text Placeholder 5"/>
          <p:cNvSpPr>
            <a:spLocks noGrp="1"/>
          </p:cNvSpPr>
          <p:nvPr>
            <p:ph idx="1"/>
          </p:nvPr>
        </p:nvSpPr>
        <p:spPr>
          <a:xfrm>
            <a:off x="8601508" y="3106883"/>
            <a:ext cx="2622699" cy="2887662"/>
          </a:xfrm>
          <a:ln>
            <a:noFill/>
          </a:ln>
        </p:spPr>
        <p:txBody>
          <a:bodyPr/>
          <a:lstStyle/>
          <a:p>
            <a:pPr lvl="0" algn="ctr" fontAlgn="base"/>
            <a:r>
              <a:rPr lang="en-US" sz="1600" u="sng" dirty="0">
                <a:latin typeface="+mj-lt"/>
              </a:rPr>
              <a:t>If you’ve acted as a caregiver in the past or present for a loved one  or yourself</a:t>
            </a:r>
            <a:r>
              <a:rPr lang="en-US" sz="1600" dirty="0">
                <a:latin typeface="+mj-lt"/>
              </a:rPr>
              <a:t>, join Wellthy Community to connect with others in similar situations.  </a:t>
            </a:r>
          </a:p>
          <a:p>
            <a:pPr algn="ctr"/>
            <a:endParaRPr lang="en-US" dirty="0">
              <a:latin typeface="+mj-lt"/>
            </a:endParaRPr>
          </a:p>
        </p:txBody>
      </p:sp>
    </p:spTree>
    <p:custDataLst>
      <p:custData r:id="rId1"/>
      <p:custData r:id="rId2"/>
    </p:custDataLst>
    <p:extLst>
      <p:ext uri="{BB962C8B-B14F-4D97-AF65-F5344CB8AC3E}">
        <p14:creationId xmlns:p14="http://schemas.microsoft.com/office/powerpoint/2010/main" val="354061488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are Planning Journey </a:t>
            </a:r>
          </a:p>
        </p:txBody>
      </p:sp>
      <p:sp>
        <p:nvSpPr>
          <p:cNvPr id="3" name="Date Placeholder 2"/>
          <p:cNvSpPr>
            <a:spLocks noGrp="1"/>
          </p:cNvSpPr>
          <p:nvPr>
            <p:ph type="dt" sz="half" idx="10"/>
          </p:nvPr>
        </p:nvSpPr>
        <p:spPr/>
        <p:txBody>
          <a:bodyPr/>
          <a:lstStyle/>
          <a:p>
            <a:fld id="{197DF7FC-2311-4E03-AAFE-2DADE0839E10}" type="datetime4">
              <a:rPr lang="en-US" noProof="0" smtClean="0"/>
              <a:t>July 7, 2023</a:t>
            </a:fld>
            <a:endParaRPr lang="en-US" noProof="0"/>
          </a:p>
        </p:txBody>
      </p:sp>
      <p:sp>
        <p:nvSpPr>
          <p:cNvPr id="4" name="Slide Number Placeholder 3"/>
          <p:cNvSpPr>
            <a:spLocks noGrp="1"/>
          </p:cNvSpPr>
          <p:nvPr>
            <p:ph type="sldNum" sz="quarter" idx="11"/>
          </p:nvPr>
        </p:nvSpPr>
        <p:spPr/>
        <p:txBody>
          <a:bodyPr/>
          <a:lstStyle/>
          <a:p>
            <a:fld id="{2DDEA8E7-5F55-4A60-8EF9-470692FC5635}" type="slidenum">
              <a:rPr lang="en-US" noProof="0" smtClean="0"/>
              <a:pPr/>
              <a:t>6</a:t>
            </a:fld>
            <a:endParaRPr lang="en-US" noProof="0"/>
          </a:p>
        </p:txBody>
      </p:sp>
      <p:pic>
        <p:nvPicPr>
          <p:cNvPr id="6" name="Picture 5"/>
          <p:cNvPicPr>
            <a:picLocks noChangeAspect="1"/>
          </p:cNvPicPr>
          <p:nvPr/>
        </p:nvPicPr>
        <p:blipFill rotWithShape="1">
          <a:blip r:embed="rId2"/>
          <a:srcRect l="2180" t="6581" r="4416" b="5366"/>
          <a:stretch/>
        </p:blipFill>
        <p:spPr>
          <a:xfrm>
            <a:off x="2199445" y="1671066"/>
            <a:ext cx="7793110" cy="4378936"/>
          </a:xfrm>
          <a:prstGeom prst="rect">
            <a:avLst/>
          </a:prstGeom>
        </p:spPr>
      </p:pic>
    </p:spTree>
    <p:extLst>
      <p:ext uri="{BB962C8B-B14F-4D97-AF65-F5344CB8AC3E}">
        <p14:creationId xmlns:p14="http://schemas.microsoft.com/office/powerpoint/2010/main" val="231376227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5D73128C-7526-D688-C7C9-DA29E9472F1E}"/>
              </a:ext>
            </a:extLst>
          </p:cNvPr>
          <p:cNvSpPr>
            <a:spLocks noGrp="1"/>
          </p:cNvSpPr>
          <p:nvPr>
            <p:ph type="pic" sz="quarter" idx="14"/>
          </p:nvPr>
        </p:nvSpPr>
        <p:spPr/>
      </p:sp>
      <p:sp>
        <p:nvSpPr>
          <p:cNvPr id="6" name="Date Placeholder 5">
            <a:extLst>
              <a:ext uri="{FF2B5EF4-FFF2-40B4-BE49-F238E27FC236}">
                <a16:creationId xmlns:a16="http://schemas.microsoft.com/office/drawing/2014/main" id="{6DAAFA2B-E88A-AE4E-B93D-96B1C54BB585}"/>
              </a:ext>
            </a:extLst>
          </p:cNvPr>
          <p:cNvSpPr>
            <a:spLocks noGrp="1"/>
          </p:cNvSpPr>
          <p:nvPr>
            <p:ph type="dt" sz="half" idx="10"/>
          </p:nvPr>
        </p:nvSpPr>
        <p:spPr>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BBCD8F8F-2B5F-2042-8A48-16ACA26E4622}" type="datetime4">
              <a:rPr lang="en-US"/>
              <a:pPr/>
              <a:t>July 7, 2023</a:t>
            </a:fld>
            <a:endParaRPr lang="en-GB" dirty="0">
              <a:solidFill>
                <a:schemeClr val="bg1"/>
              </a:solidFill>
            </a:endParaRPr>
          </a:p>
        </p:txBody>
      </p:sp>
      <p:sp>
        <p:nvSpPr>
          <p:cNvPr id="8" name="Slide Number Placeholder 7">
            <a:extLst>
              <a:ext uri="{FF2B5EF4-FFF2-40B4-BE49-F238E27FC236}">
                <a16:creationId xmlns:a16="http://schemas.microsoft.com/office/drawing/2014/main" id="{C4C13283-CA5D-7344-AFCA-24D07A232BF7}"/>
              </a:ext>
            </a:extLst>
          </p:cNvPr>
          <p:cNvSpPr>
            <a:spLocks noGrp="1"/>
          </p:cNvSpPr>
          <p:nvPr>
            <p:ph type="sldNum" sz="quarter" idx="11"/>
          </p:nvPr>
        </p:nvSpPr>
        <p:spPr>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a:pPr/>
              <a:t>7</a:t>
            </a:fld>
            <a:endParaRPr lang="en-GB" dirty="0">
              <a:solidFill>
                <a:schemeClr val="bg1"/>
              </a:solidFill>
            </a:endParaRPr>
          </a:p>
        </p:txBody>
      </p:sp>
      <p:sp>
        <p:nvSpPr>
          <p:cNvPr id="3" name="Text Placeholder 2">
            <a:extLst>
              <a:ext uri="{FF2B5EF4-FFF2-40B4-BE49-F238E27FC236}">
                <a16:creationId xmlns:a16="http://schemas.microsoft.com/office/drawing/2014/main" id="{17F4D1E9-249C-1D9C-69A0-B64C2841E6A4}"/>
              </a:ext>
            </a:extLst>
          </p:cNvPr>
          <p:cNvSpPr>
            <a:spLocks noGrp="1"/>
          </p:cNvSpPr>
          <p:nvPr>
            <p:ph type="body" sz="quarter" idx="12"/>
          </p:nvPr>
        </p:nvSpPr>
        <p:spPr/>
        <p:txBody>
          <a:bodyPr/>
          <a:lstStyle/>
          <a:p>
            <a:endParaRPr lang="en-US"/>
          </a:p>
        </p:txBody>
      </p:sp>
      <p:pic>
        <p:nvPicPr>
          <p:cNvPr id="4" name="Picture Placeholder 3"/>
          <p:cNvPicPr>
            <a:picLocks noGrp="1" noChangeAspect="1"/>
          </p:cNvPicPr>
          <p:nvPr>
            <p:ph sz="quarter" idx="13"/>
          </p:nvPr>
        </p:nvPicPr>
        <p:blipFill rotWithShape="1">
          <a:blip r:embed="rId5">
            <a:extLst>
              <a:ext uri="{28A0092B-C50C-407E-A947-70E740481C1C}">
                <a14:useLocalDpi xmlns:a14="http://schemas.microsoft.com/office/drawing/2010/main" val="0"/>
              </a:ext>
            </a:extLst>
          </a:blip>
          <a:srcRect t="18876" r="5206"/>
          <a:stretch/>
        </p:blipFill>
        <p:spPr>
          <a:xfrm>
            <a:off x="1" y="0"/>
            <a:ext cx="12192000" cy="6955917"/>
          </a:xfrm>
        </p:spPr>
      </p:pic>
      <p:sp>
        <p:nvSpPr>
          <p:cNvPr id="15" name="Rectangle 14"/>
          <p:cNvSpPr/>
          <p:nvPr/>
        </p:nvSpPr>
        <p:spPr bwMode="auto">
          <a:xfrm>
            <a:off x="0" y="0"/>
            <a:ext cx="12192000" cy="6955917"/>
          </a:xfrm>
          <a:prstGeom prst="rect">
            <a:avLst/>
          </a:prstGeom>
          <a:solidFill>
            <a:srgbClr val="0D1D37">
              <a:alpha val="80000"/>
            </a:srgb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pic>
        <p:nvPicPr>
          <p:cNvPr id="11" name="Graphic 10" descr="Badge Tick1 outline">
            <a:extLst>
              <a:ext uri="{FF2B5EF4-FFF2-40B4-BE49-F238E27FC236}">
                <a16:creationId xmlns:a16="http://schemas.microsoft.com/office/drawing/2014/main" id="{AFE5405B-79D8-F74E-89BF-FE90B0BFE314}"/>
              </a:ext>
            </a:extLst>
          </p:cNvPr>
          <p:cNvPicPr>
            <a:picLocks noChangeAspect="1"/>
          </p:cNvPicPr>
          <p:nvPr/>
        </p:nvPicPr>
        <p:blipFill>
          <a:blip r:embed="rId6" cstate="hqprint">
            <a:extLst>
              <a:ext uri="{28A0092B-C50C-407E-A947-70E740481C1C}">
                <a14:useLocalDpi xmlns:a14="http://schemas.microsoft.com/office/drawing/2010/main" val="0"/>
              </a:ext>
              <a:ext uri="{96DAC541-7B7A-43D3-8B79-37D633B846F1}">
                <asvg:svgBlip xmlns="" xmlns:asvg="http://schemas.microsoft.com/office/drawing/2016/SVG/main" r:embed="rId7"/>
              </a:ext>
            </a:extLst>
          </a:blip>
          <a:stretch>
            <a:fillRect/>
          </a:stretch>
        </p:blipFill>
        <p:spPr>
          <a:xfrm>
            <a:off x="273211" y="1279218"/>
            <a:ext cx="790906" cy="787433"/>
          </a:xfrm>
          <a:prstGeom prst="rect">
            <a:avLst/>
          </a:prstGeom>
        </p:spPr>
      </p:pic>
      <p:pic>
        <p:nvPicPr>
          <p:cNvPr id="62" name="Graphic 61" descr="Badge Tick1 outline">
            <a:extLst>
              <a:ext uri="{FF2B5EF4-FFF2-40B4-BE49-F238E27FC236}">
                <a16:creationId xmlns:a16="http://schemas.microsoft.com/office/drawing/2014/main" id="{A3EB058C-3A98-D745-9CF9-242AF2F4253F}"/>
              </a:ext>
            </a:extLst>
          </p:cNvPr>
          <p:cNvPicPr>
            <a:picLocks noChangeAspect="1"/>
          </p:cNvPicPr>
          <p:nvPr/>
        </p:nvPicPr>
        <p:blipFill>
          <a:blip r:embed="rId8" cstate="hqprint">
            <a:extLst>
              <a:ext uri="{28A0092B-C50C-407E-A947-70E740481C1C}">
                <a14:useLocalDpi xmlns:a14="http://schemas.microsoft.com/office/drawing/2010/main" val="0"/>
              </a:ext>
              <a:ext uri="{96DAC541-7B7A-43D3-8B79-37D633B846F1}">
                <asvg:svgBlip xmlns="" xmlns:asvg="http://schemas.microsoft.com/office/drawing/2016/SVG/main" r:embed="rId7"/>
              </a:ext>
            </a:extLst>
          </a:blip>
          <a:stretch>
            <a:fillRect/>
          </a:stretch>
        </p:blipFill>
        <p:spPr>
          <a:xfrm>
            <a:off x="273211" y="5089728"/>
            <a:ext cx="790906" cy="790906"/>
          </a:xfrm>
          <a:prstGeom prst="rect">
            <a:avLst/>
          </a:prstGeom>
        </p:spPr>
      </p:pic>
      <p:pic>
        <p:nvPicPr>
          <p:cNvPr id="63" name="Graphic 62" descr="Badge Tick1 outline">
            <a:extLst>
              <a:ext uri="{FF2B5EF4-FFF2-40B4-BE49-F238E27FC236}">
                <a16:creationId xmlns:a16="http://schemas.microsoft.com/office/drawing/2014/main" id="{F43823EF-B49C-5F4E-82F9-1416FAF07D4B}"/>
              </a:ext>
            </a:extLst>
          </p:cNvPr>
          <p:cNvPicPr>
            <a:picLocks noChangeAspect="1"/>
          </p:cNvPicPr>
          <p:nvPr/>
        </p:nvPicPr>
        <p:blipFill>
          <a:blip r:embed="rId8" cstate="hqprint">
            <a:extLst>
              <a:ext uri="{28A0092B-C50C-407E-A947-70E740481C1C}">
                <a14:useLocalDpi xmlns:a14="http://schemas.microsoft.com/office/drawing/2010/main" val="0"/>
              </a:ext>
              <a:ext uri="{96DAC541-7B7A-43D3-8B79-37D633B846F1}">
                <asvg:svgBlip xmlns="" xmlns:asvg="http://schemas.microsoft.com/office/drawing/2016/SVG/main" r:embed="rId7"/>
              </a:ext>
            </a:extLst>
          </a:blip>
          <a:stretch>
            <a:fillRect/>
          </a:stretch>
        </p:blipFill>
        <p:spPr>
          <a:xfrm>
            <a:off x="5999658" y="1272676"/>
            <a:ext cx="790906" cy="790906"/>
          </a:xfrm>
          <a:prstGeom prst="rect">
            <a:avLst/>
          </a:prstGeom>
        </p:spPr>
      </p:pic>
      <p:pic>
        <p:nvPicPr>
          <p:cNvPr id="64" name="Graphic 63" descr="Badge Tick1 outline">
            <a:extLst>
              <a:ext uri="{FF2B5EF4-FFF2-40B4-BE49-F238E27FC236}">
                <a16:creationId xmlns:a16="http://schemas.microsoft.com/office/drawing/2014/main" id="{20EFF7E5-02B7-5045-AECD-66067BDD5395}"/>
              </a:ext>
            </a:extLst>
          </p:cNvPr>
          <p:cNvPicPr>
            <a:picLocks noChangeAspect="1"/>
          </p:cNvPicPr>
          <p:nvPr/>
        </p:nvPicPr>
        <p:blipFill>
          <a:blip r:embed="rId8" cstate="hqprint">
            <a:extLst>
              <a:ext uri="{28A0092B-C50C-407E-A947-70E740481C1C}">
                <a14:useLocalDpi xmlns:a14="http://schemas.microsoft.com/office/drawing/2010/main" val="0"/>
              </a:ext>
              <a:ext uri="{96DAC541-7B7A-43D3-8B79-37D633B846F1}">
                <asvg:svgBlip xmlns="" xmlns:asvg="http://schemas.microsoft.com/office/drawing/2016/SVG/main" r:embed="rId7"/>
              </a:ext>
            </a:extLst>
          </a:blip>
          <a:stretch>
            <a:fillRect/>
          </a:stretch>
        </p:blipFill>
        <p:spPr>
          <a:xfrm>
            <a:off x="5999658" y="3234808"/>
            <a:ext cx="790906" cy="790906"/>
          </a:xfrm>
          <a:prstGeom prst="rect">
            <a:avLst/>
          </a:prstGeom>
        </p:spPr>
      </p:pic>
      <p:sp>
        <p:nvSpPr>
          <p:cNvPr id="24" name="Content Placeholder 15">
            <a:extLst>
              <a:ext uri="{FF2B5EF4-FFF2-40B4-BE49-F238E27FC236}">
                <a16:creationId xmlns:a16="http://schemas.microsoft.com/office/drawing/2014/main" id="{FB50D429-CBB5-5E44-BA0A-419F94B49FFF}"/>
              </a:ext>
            </a:extLst>
          </p:cNvPr>
          <p:cNvSpPr txBox="1">
            <a:spLocks/>
          </p:cNvSpPr>
          <p:nvPr/>
        </p:nvSpPr>
        <p:spPr>
          <a:xfrm>
            <a:off x="1120667" y="1314138"/>
            <a:ext cx="4628550" cy="1043161"/>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r>
              <a:rPr lang="en-US" dirty="0">
                <a:solidFill>
                  <a:srgbClr val="9EC3E1"/>
                </a:solidFill>
                <a:latin typeface="+mj-lt"/>
              </a:rPr>
              <a:t>A skilled care professional dedicated to you </a:t>
            </a:r>
          </a:p>
          <a:p>
            <a:pPr lvl="5"/>
            <a:r>
              <a:rPr lang="en-US" b="0" dirty="0">
                <a:solidFill>
                  <a:schemeClr val="bg1"/>
                </a:solidFill>
              </a:rPr>
              <a:t>Your Care Coordinator will get to know your care story beginning to end. They'll identify priorities, design a personalized plan, tackle administrative tasks, and act as an advocate on your behalf.</a:t>
            </a:r>
            <a:endParaRPr lang="en-GB" b="0" dirty="0">
              <a:solidFill>
                <a:schemeClr val="bg1"/>
              </a:solidFill>
            </a:endParaRPr>
          </a:p>
        </p:txBody>
      </p:sp>
      <p:sp>
        <p:nvSpPr>
          <p:cNvPr id="25" name="Content Placeholder 15">
            <a:extLst>
              <a:ext uri="{FF2B5EF4-FFF2-40B4-BE49-F238E27FC236}">
                <a16:creationId xmlns:a16="http://schemas.microsoft.com/office/drawing/2014/main" id="{41E1746B-32AC-194A-B791-5A080B8A164E}"/>
              </a:ext>
            </a:extLst>
          </p:cNvPr>
          <p:cNvSpPr txBox="1">
            <a:spLocks/>
          </p:cNvSpPr>
          <p:nvPr/>
        </p:nvSpPr>
        <p:spPr>
          <a:xfrm>
            <a:off x="7035271" y="3220974"/>
            <a:ext cx="4752903" cy="1043161"/>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r>
              <a:rPr lang="en-US" dirty="0">
                <a:solidFill>
                  <a:srgbClr val="9EC3E1"/>
                </a:solidFill>
                <a:latin typeface="+mj-lt"/>
              </a:rPr>
              <a:t>Guidance from experts who know the care industry</a:t>
            </a:r>
          </a:p>
          <a:p>
            <a:pPr lvl="5"/>
            <a:r>
              <a:rPr lang="en-US" b="0" dirty="0">
                <a:solidFill>
                  <a:schemeClr val="bg1"/>
                </a:solidFill>
              </a:rPr>
              <a:t>Wellthy Care Coordinators are backed by specialized teams who are experts across every variable of care - from insurance to in-home care to mental health and beyond.</a:t>
            </a:r>
            <a:endParaRPr lang="en-GB" b="0" dirty="0">
              <a:solidFill>
                <a:schemeClr val="bg1"/>
              </a:solidFill>
            </a:endParaRPr>
          </a:p>
        </p:txBody>
      </p:sp>
      <p:sp>
        <p:nvSpPr>
          <p:cNvPr id="26" name="Content Placeholder 15">
            <a:extLst>
              <a:ext uri="{FF2B5EF4-FFF2-40B4-BE49-F238E27FC236}">
                <a16:creationId xmlns:a16="http://schemas.microsoft.com/office/drawing/2014/main" id="{51DFC6D9-1980-6844-A16D-92E3ABAB0D66}"/>
              </a:ext>
            </a:extLst>
          </p:cNvPr>
          <p:cNvSpPr txBox="1">
            <a:spLocks/>
          </p:cNvSpPr>
          <p:nvPr/>
        </p:nvSpPr>
        <p:spPr>
          <a:xfrm>
            <a:off x="6991433" y="1314137"/>
            <a:ext cx="4787040" cy="1043161"/>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r>
              <a:rPr lang="en-US" dirty="0">
                <a:solidFill>
                  <a:srgbClr val="9EC3E1"/>
                </a:solidFill>
                <a:latin typeface="+mj-lt"/>
              </a:rPr>
              <a:t>Help with immediate needs, or support for the long run</a:t>
            </a:r>
          </a:p>
          <a:p>
            <a:pPr lvl="5"/>
            <a:r>
              <a:rPr lang="en-US" b="0" dirty="0">
                <a:solidFill>
                  <a:schemeClr val="bg1"/>
                </a:solidFill>
              </a:rPr>
              <a:t>Create your account and open a Care Project to begin getting dedicated help now, or start by using the digital tools within the Care Dashboard so everything is set up for when you need it .</a:t>
            </a:r>
            <a:endParaRPr lang="en-GB" b="0" dirty="0">
              <a:solidFill>
                <a:schemeClr val="bg1"/>
              </a:solidFill>
            </a:endParaRPr>
          </a:p>
        </p:txBody>
      </p:sp>
      <p:sp>
        <p:nvSpPr>
          <p:cNvPr id="27" name="Content Placeholder 15">
            <a:extLst>
              <a:ext uri="{FF2B5EF4-FFF2-40B4-BE49-F238E27FC236}">
                <a16:creationId xmlns:a16="http://schemas.microsoft.com/office/drawing/2014/main" id="{61FC7088-E23C-8642-8ED2-DFAEC34A986E}"/>
              </a:ext>
            </a:extLst>
          </p:cNvPr>
          <p:cNvSpPr txBox="1">
            <a:spLocks/>
          </p:cNvSpPr>
          <p:nvPr/>
        </p:nvSpPr>
        <p:spPr>
          <a:xfrm>
            <a:off x="6991433" y="5134182"/>
            <a:ext cx="4408185" cy="1043161"/>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r>
              <a:rPr lang="en-US" dirty="0">
                <a:solidFill>
                  <a:srgbClr val="9EC3E1"/>
                </a:solidFill>
                <a:latin typeface="+mj-lt"/>
              </a:rPr>
              <a:t>Everything you need, all in one place</a:t>
            </a:r>
          </a:p>
          <a:p>
            <a:pPr lvl="5"/>
            <a:r>
              <a:rPr lang="en-US" b="0" dirty="0">
                <a:solidFill>
                  <a:schemeClr val="bg1"/>
                </a:solidFill>
              </a:rPr>
              <a:t>The Care Dashboard keeps your information safe and accessible . Maintain all of your contacts, keep up with doctor appointments, track tasks, and store important documents.</a:t>
            </a:r>
            <a:endParaRPr lang="en-GB" b="0" dirty="0">
              <a:solidFill>
                <a:schemeClr val="bg1"/>
              </a:solidFill>
            </a:endParaRPr>
          </a:p>
        </p:txBody>
      </p:sp>
      <p:pic>
        <p:nvPicPr>
          <p:cNvPr id="19" name="Graphic 63" descr="Badge Tick1 outline">
            <a:extLst>
              <a:ext uri="{FF2B5EF4-FFF2-40B4-BE49-F238E27FC236}">
                <a16:creationId xmlns:a16="http://schemas.microsoft.com/office/drawing/2014/main" id="{20EFF7E5-02B7-5045-AECD-66067BDD5395}"/>
              </a:ext>
            </a:extLst>
          </p:cNvPr>
          <p:cNvPicPr>
            <a:picLocks noChangeAspect="1"/>
          </p:cNvPicPr>
          <p:nvPr/>
        </p:nvPicPr>
        <p:blipFill>
          <a:blip r:embed="rId8" cstate="hqprint">
            <a:extLst>
              <a:ext uri="{28A0092B-C50C-407E-A947-70E740481C1C}">
                <a14:useLocalDpi xmlns:a14="http://schemas.microsoft.com/office/drawing/2010/main" val="0"/>
              </a:ext>
              <a:ext uri="{96DAC541-7B7A-43D3-8B79-37D633B846F1}">
                <asvg:svgBlip xmlns="" xmlns:asvg="http://schemas.microsoft.com/office/drawing/2016/SVG/main" r:embed="rId7"/>
              </a:ext>
            </a:extLst>
          </a:blip>
          <a:stretch>
            <a:fillRect/>
          </a:stretch>
        </p:blipFill>
        <p:spPr>
          <a:xfrm>
            <a:off x="5975200" y="5032299"/>
            <a:ext cx="790906" cy="790906"/>
          </a:xfrm>
          <a:prstGeom prst="rect">
            <a:avLst/>
          </a:prstGeom>
        </p:spPr>
      </p:pic>
      <p:pic>
        <p:nvPicPr>
          <p:cNvPr id="20" name="Graphic 61" descr="Badge Tick1 outline">
            <a:extLst>
              <a:ext uri="{FF2B5EF4-FFF2-40B4-BE49-F238E27FC236}">
                <a16:creationId xmlns:a16="http://schemas.microsoft.com/office/drawing/2014/main" id="{A3EB058C-3A98-D745-9CF9-242AF2F4253F}"/>
              </a:ext>
            </a:extLst>
          </p:cNvPr>
          <p:cNvPicPr>
            <a:picLocks noChangeAspect="1"/>
          </p:cNvPicPr>
          <p:nvPr/>
        </p:nvPicPr>
        <p:blipFill>
          <a:blip r:embed="rId8" cstate="hqprint">
            <a:extLst>
              <a:ext uri="{28A0092B-C50C-407E-A947-70E740481C1C}">
                <a14:useLocalDpi xmlns:a14="http://schemas.microsoft.com/office/drawing/2010/main" val="0"/>
              </a:ext>
              <a:ext uri="{96DAC541-7B7A-43D3-8B79-37D633B846F1}">
                <asvg:svgBlip xmlns="" xmlns:asvg="http://schemas.microsoft.com/office/drawing/2016/SVG/main" r:embed="rId7"/>
              </a:ext>
            </a:extLst>
          </a:blip>
          <a:stretch>
            <a:fillRect/>
          </a:stretch>
        </p:blipFill>
        <p:spPr>
          <a:xfrm>
            <a:off x="273211" y="3234809"/>
            <a:ext cx="790906" cy="790906"/>
          </a:xfrm>
          <a:prstGeom prst="rect">
            <a:avLst/>
          </a:prstGeom>
        </p:spPr>
      </p:pic>
      <p:sp>
        <p:nvSpPr>
          <p:cNvPr id="21" name="Content Placeholder 15">
            <a:extLst>
              <a:ext uri="{FF2B5EF4-FFF2-40B4-BE49-F238E27FC236}">
                <a16:creationId xmlns:a16="http://schemas.microsoft.com/office/drawing/2014/main" id="{61FC7088-E23C-8642-8ED2-DFAEC34A986E}"/>
              </a:ext>
            </a:extLst>
          </p:cNvPr>
          <p:cNvSpPr txBox="1">
            <a:spLocks/>
          </p:cNvSpPr>
          <p:nvPr/>
        </p:nvSpPr>
        <p:spPr>
          <a:xfrm>
            <a:off x="1115138" y="3209899"/>
            <a:ext cx="4804996" cy="1043161"/>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r>
              <a:rPr lang="en-US" dirty="0">
                <a:solidFill>
                  <a:srgbClr val="9EC3E1"/>
                </a:solidFill>
                <a:latin typeface="+mj-lt"/>
              </a:rPr>
              <a:t>A community of caregivers who can relate to what you're going through</a:t>
            </a:r>
          </a:p>
          <a:p>
            <a:pPr lvl="5"/>
            <a:r>
              <a:rPr lang="en-US" b="0" dirty="0">
                <a:solidFill>
                  <a:schemeClr val="bg1"/>
                </a:solidFill>
              </a:rPr>
              <a:t>Wellthy Community is a peer-to-peer space for family caregivers  to  find  support, share  experiences, and exchange knowledge across a range of care topics.</a:t>
            </a:r>
            <a:endParaRPr lang="en-GB" b="0" dirty="0">
              <a:solidFill>
                <a:schemeClr val="bg1"/>
              </a:solidFill>
            </a:endParaRPr>
          </a:p>
        </p:txBody>
      </p:sp>
      <p:sp>
        <p:nvSpPr>
          <p:cNvPr id="22" name="Content Placeholder 15">
            <a:extLst>
              <a:ext uri="{FF2B5EF4-FFF2-40B4-BE49-F238E27FC236}">
                <a16:creationId xmlns:a16="http://schemas.microsoft.com/office/drawing/2014/main" id="{61FC7088-E23C-8642-8ED2-DFAEC34A986E}"/>
              </a:ext>
            </a:extLst>
          </p:cNvPr>
          <p:cNvSpPr txBox="1">
            <a:spLocks/>
          </p:cNvSpPr>
          <p:nvPr/>
        </p:nvSpPr>
        <p:spPr>
          <a:xfrm>
            <a:off x="1128615" y="5134182"/>
            <a:ext cx="4461461" cy="1043161"/>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r>
              <a:rPr lang="en-US" dirty="0">
                <a:solidFill>
                  <a:srgbClr val="9EC3E1"/>
                </a:solidFill>
                <a:latin typeface="+mj-lt"/>
              </a:rPr>
              <a:t>Family meetings, simplified</a:t>
            </a:r>
          </a:p>
          <a:p>
            <a:pPr lvl="5"/>
            <a:r>
              <a:rPr lang="en-US" b="0" dirty="0">
                <a:solidFill>
                  <a:schemeClr val="bg1"/>
                </a:solidFill>
              </a:rPr>
              <a:t>Keep siblings, relatives, neighbors, and anyone involved in care situation in the loop with streamlined communication - one email thread, one central channel, one voice of reason.</a:t>
            </a:r>
            <a:endParaRPr lang="en-GB" b="0" dirty="0">
              <a:solidFill>
                <a:schemeClr val="bg1"/>
              </a:solidFill>
            </a:endParaRPr>
          </a:p>
        </p:txBody>
      </p:sp>
      <p:sp>
        <p:nvSpPr>
          <p:cNvPr id="23" name="Title 1"/>
          <p:cNvSpPr>
            <a:spLocks noGrp="1"/>
          </p:cNvSpPr>
          <p:nvPr>
            <p:ph type="title"/>
          </p:nvPr>
        </p:nvSpPr>
        <p:spPr>
          <a:xfrm>
            <a:off x="372355" y="459860"/>
            <a:ext cx="10753724" cy="907200"/>
          </a:xfrm>
        </p:spPr>
        <p:txBody>
          <a:bodyPr/>
          <a:lstStyle/>
          <a:p>
            <a:r>
              <a:rPr lang="en-US" dirty="0">
                <a:solidFill>
                  <a:schemeClr val="bg1"/>
                </a:solidFill>
              </a:rPr>
              <a:t>Benefits of Care Support from Wellthy </a:t>
            </a:r>
          </a:p>
        </p:txBody>
      </p:sp>
    </p:spTree>
    <p:custDataLst>
      <p:custData r:id="rId1"/>
      <p:custData r:id="rId2"/>
    </p:custDataLst>
    <p:extLst>
      <p:ext uri="{BB962C8B-B14F-4D97-AF65-F5344CB8AC3E}">
        <p14:creationId xmlns:p14="http://schemas.microsoft.com/office/powerpoint/2010/main" val="200924527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4546AA-01E2-CA16-08D1-75069BC288A5}"/>
              </a:ext>
            </a:extLst>
          </p:cNvPr>
          <p:cNvSpPr>
            <a:spLocks noGrp="1"/>
          </p:cNvSpPr>
          <p:nvPr>
            <p:ph type="title"/>
          </p:nvPr>
        </p:nvSpPr>
        <p:spPr>
          <a:xfrm>
            <a:off x="719138" y="246069"/>
            <a:ext cx="10753724" cy="561600"/>
          </a:xfrm>
        </p:spPr>
        <p:txBody>
          <a:bodyPr/>
          <a:lstStyle/>
          <a:p>
            <a:r>
              <a:rPr lang="en-US" dirty="0"/>
              <a:t>Testimonials</a:t>
            </a:r>
          </a:p>
        </p:txBody>
      </p:sp>
      <p:sp>
        <p:nvSpPr>
          <p:cNvPr id="8" name="Date Placeholder 7">
            <a:extLst>
              <a:ext uri="{FF2B5EF4-FFF2-40B4-BE49-F238E27FC236}">
                <a16:creationId xmlns:a16="http://schemas.microsoft.com/office/drawing/2014/main" id="{1AEB9366-0959-D145-AF31-4FEC670CABE1}"/>
              </a:ext>
            </a:extLst>
          </p:cNvPr>
          <p:cNvSpPr>
            <a:spLocks noGrp="1"/>
          </p:cNvSpPr>
          <p:nvPr>
            <p:ph type="dt" sz="half" idx="10"/>
          </p:nvPr>
        </p:nvSpPr>
        <p:spPr/>
        <p:txBody>
          <a:bodyPr/>
          <a:lstStyle/>
          <a:p>
            <a:fld id="{909B16BB-40CF-7D4E-8154-C60364D1EF6D}" type="datetime4">
              <a:rPr lang="en-US"/>
              <a:pPr/>
              <a:t>July 7, 2023</a:t>
            </a:fld>
            <a:endParaRPr lang="en-GB" dirty="0"/>
          </a:p>
        </p:txBody>
      </p:sp>
      <p:sp>
        <p:nvSpPr>
          <p:cNvPr id="13" name="Slide Number Placeholder 12">
            <a:extLst>
              <a:ext uri="{FF2B5EF4-FFF2-40B4-BE49-F238E27FC236}">
                <a16:creationId xmlns:a16="http://schemas.microsoft.com/office/drawing/2014/main" id="{52B7C55C-49AB-8E4F-9B6F-8374FEF6ECB3}"/>
              </a:ext>
            </a:extLst>
          </p:cNvPr>
          <p:cNvSpPr>
            <a:spLocks noGrp="1"/>
          </p:cNvSpPr>
          <p:nvPr>
            <p:ph type="sldNum" sz="quarter" idx="11"/>
          </p:nvPr>
        </p:nvSpPr>
        <p:spPr/>
        <p:txBody>
          <a:bodyPr/>
          <a:lstStyle/>
          <a:p>
            <a:fld id="{23AA811B-2EBD-4900-905E-5BE206449611}" type="slidenum">
              <a:rPr lang="en-GB"/>
              <a:pPr/>
              <a:t>8</a:t>
            </a:fld>
            <a:endParaRPr lang="en-GB" dirty="0"/>
          </a:p>
        </p:txBody>
      </p:sp>
      <p:pic>
        <p:nvPicPr>
          <p:cNvPr id="11" name="Picture Placeholder 11">
            <a:extLst>
              <a:ext uri="{FF2B5EF4-FFF2-40B4-BE49-F238E27FC236}">
                <a16:creationId xmlns:a16="http://schemas.microsoft.com/office/drawing/2014/main" id="{FA1FE8CB-FA85-E4AD-382C-772F198BAF78}"/>
              </a:ext>
            </a:extLst>
          </p:cNvPr>
          <p:cNvPicPr>
            <a:picLocks noChangeAspect="1"/>
          </p:cNvPicPr>
          <p:nvPr/>
        </p:nvPicPr>
        <p:blipFill>
          <a:blip r:embed="rId5">
            <a:extLst>
              <a:ext uri="{BEBA8EAE-BF5A-486C-A8C5-ECC9F3942E4B}">
                <a14:imgProps xmlns:a14="http://schemas.microsoft.com/office/drawing/2010/main">
                  <a14:imgLayer r:embed="rId6">
                    <a14:imgEffect>
                      <a14:colorTemperature colorTemp="4700"/>
                    </a14:imgEffect>
                    <a14:imgEffect>
                      <a14:saturation sat="33000"/>
                    </a14:imgEffect>
                  </a14:imgLayer>
                </a14:imgProps>
              </a:ext>
              <a:ext uri="{28A0092B-C50C-407E-A947-70E740481C1C}">
                <a14:useLocalDpi xmlns:a14="http://schemas.microsoft.com/office/drawing/2010/main" val="0"/>
              </a:ext>
            </a:extLst>
          </a:blip>
          <a:srcRect t="32193" b="32193"/>
          <a:stretch/>
        </p:blipFill>
        <p:spPr>
          <a:xfrm>
            <a:off x="0" y="2204692"/>
            <a:ext cx="12192000" cy="2894725"/>
          </a:xfrm>
          <a:prstGeom prst="rect">
            <a:avLst/>
          </a:prstGeom>
          <a:solidFill>
            <a:schemeClr val="tx2">
              <a:lumMod val="10000"/>
              <a:lumOff val="90000"/>
            </a:schemeClr>
          </a:solidFill>
          <a:ln w="19050">
            <a:noFill/>
          </a:ln>
        </p:spPr>
      </p:pic>
      <p:sp>
        <p:nvSpPr>
          <p:cNvPr id="12" name="Round Single Corner Rectangle 6">
            <a:extLst>
              <a:ext uri="{FF2B5EF4-FFF2-40B4-BE49-F238E27FC236}">
                <a16:creationId xmlns:a16="http://schemas.microsoft.com/office/drawing/2014/main" id="{E8143CB9-C7FC-9C49-47BA-A5FD33E003F6}"/>
              </a:ext>
            </a:extLst>
          </p:cNvPr>
          <p:cNvSpPr/>
          <p:nvPr/>
        </p:nvSpPr>
        <p:spPr bwMode="auto">
          <a:xfrm>
            <a:off x="0" y="931333"/>
            <a:ext cx="9702800" cy="5508136"/>
          </a:xfrm>
          <a:prstGeom prst="round1Rect">
            <a:avLst>
              <a:gd name="adj" fmla="val 17322"/>
            </a:avLst>
          </a:prstGeom>
          <a:gradFill flip="none" rotWithShape="1">
            <a:gsLst>
              <a:gs pos="0">
                <a:schemeClr val="accent1">
                  <a:alpha val="80000"/>
                </a:schemeClr>
              </a:gs>
              <a:gs pos="100000">
                <a:schemeClr val="accent2">
                  <a:alpha val="80000"/>
                </a:schemeClr>
              </a:gs>
            </a:gsLst>
            <a:lin ang="5400000" scaled="0"/>
            <a:tileRect/>
          </a:gra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19" name="Content Placeholder 7">
            <a:extLst>
              <a:ext uri="{FF2B5EF4-FFF2-40B4-BE49-F238E27FC236}">
                <a16:creationId xmlns:a16="http://schemas.microsoft.com/office/drawing/2014/main" id="{563DBD0A-663E-C056-4969-60BAB9EE0576}"/>
              </a:ext>
            </a:extLst>
          </p:cNvPr>
          <p:cNvSpPr txBox="1">
            <a:spLocks/>
          </p:cNvSpPr>
          <p:nvPr/>
        </p:nvSpPr>
        <p:spPr>
          <a:xfrm>
            <a:off x="357233" y="1727797"/>
            <a:ext cx="723809" cy="910188"/>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6000" kern="1200" cap="none" baseline="0">
                <a:solidFill>
                  <a:srgbClr val="9EC3E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r>
              <a:rPr lang="en-US" dirty="0"/>
              <a:t>“</a:t>
            </a:r>
          </a:p>
        </p:txBody>
      </p:sp>
      <p:sp>
        <p:nvSpPr>
          <p:cNvPr id="20" name="Text Placeholder 9">
            <a:extLst>
              <a:ext uri="{FF2B5EF4-FFF2-40B4-BE49-F238E27FC236}">
                <a16:creationId xmlns:a16="http://schemas.microsoft.com/office/drawing/2014/main" id="{963EF4B1-2F94-3620-917B-A10619CA580D}"/>
              </a:ext>
            </a:extLst>
          </p:cNvPr>
          <p:cNvSpPr txBox="1">
            <a:spLocks/>
          </p:cNvSpPr>
          <p:nvPr/>
        </p:nvSpPr>
        <p:spPr>
          <a:xfrm>
            <a:off x="719137" y="1223683"/>
            <a:ext cx="8187796" cy="1689741"/>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1">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8"/>
            <a:r>
              <a:rPr lang="en-US" sz="2400" dirty="0">
                <a:solidFill>
                  <a:schemeClr val="bg1"/>
                </a:solidFill>
              </a:rPr>
              <a:t>“Wellthy has been an invaluable resource for my family</a:t>
            </a:r>
          </a:p>
          <a:p>
            <a:pPr lvl="8"/>
            <a:r>
              <a:rPr lang="en-US" sz="2400" dirty="0">
                <a:solidFill>
                  <a:schemeClr val="bg1"/>
                </a:solidFill>
              </a:rPr>
              <a:t>as we try to care for our aging father and carry on our</a:t>
            </a:r>
          </a:p>
          <a:p>
            <a:pPr lvl="8"/>
            <a:r>
              <a:rPr lang="en-US" sz="2400" dirty="0">
                <a:solidFill>
                  <a:schemeClr val="bg1"/>
                </a:solidFill>
              </a:rPr>
              <a:t>own lives. From chasing down prescription information,</a:t>
            </a:r>
          </a:p>
          <a:p>
            <a:pPr lvl="8"/>
            <a:r>
              <a:rPr lang="en-US" sz="2400" dirty="0">
                <a:solidFill>
                  <a:schemeClr val="bg1"/>
                </a:solidFill>
              </a:rPr>
              <a:t>to finding an Elder Care attorney, to simply listening and</a:t>
            </a:r>
          </a:p>
          <a:p>
            <a:pPr lvl="8"/>
            <a:r>
              <a:rPr lang="en-US" sz="2400" dirty="0">
                <a:solidFill>
                  <a:schemeClr val="bg1"/>
                </a:solidFill>
              </a:rPr>
              <a:t>helping us cope, we have benefited greatly from</a:t>
            </a:r>
          </a:p>
          <a:p>
            <a:pPr lvl="8"/>
            <a:r>
              <a:rPr lang="en-US" sz="2400" dirty="0">
                <a:solidFill>
                  <a:schemeClr val="bg1"/>
                </a:solidFill>
              </a:rPr>
              <a:t>Wellthy's caring experts.”</a:t>
            </a:r>
          </a:p>
        </p:txBody>
      </p:sp>
      <p:sp>
        <p:nvSpPr>
          <p:cNvPr id="15" name="Content Placeholder 7">
            <a:extLst>
              <a:ext uri="{FF2B5EF4-FFF2-40B4-BE49-F238E27FC236}">
                <a16:creationId xmlns:a16="http://schemas.microsoft.com/office/drawing/2014/main" id="{563DBD0A-663E-C056-4969-60BAB9EE0576}"/>
              </a:ext>
            </a:extLst>
          </p:cNvPr>
          <p:cNvSpPr txBox="1">
            <a:spLocks/>
          </p:cNvSpPr>
          <p:nvPr/>
        </p:nvSpPr>
        <p:spPr>
          <a:xfrm>
            <a:off x="8978991" y="5652945"/>
            <a:ext cx="723809" cy="910188"/>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6000" kern="1200" cap="none" baseline="0">
                <a:solidFill>
                  <a:srgbClr val="9EC3E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r>
              <a:rPr lang="en-US" dirty="0"/>
              <a:t>”</a:t>
            </a:r>
          </a:p>
        </p:txBody>
      </p:sp>
      <p:sp>
        <p:nvSpPr>
          <p:cNvPr id="16" name="Text Placeholder 9">
            <a:extLst>
              <a:ext uri="{FF2B5EF4-FFF2-40B4-BE49-F238E27FC236}">
                <a16:creationId xmlns:a16="http://schemas.microsoft.com/office/drawing/2014/main" id="{963EF4B1-2F94-3620-917B-A10619CA580D}"/>
              </a:ext>
            </a:extLst>
          </p:cNvPr>
          <p:cNvSpPr txBox="1">
            <a:spLocks/>
          </p:cNvSpPr>
          <p:nvPr/>
        </p:nvSpPr>
        <p:spPr>
          <a:xfrm>
            <a:off x="1352360" y="3894433"/>
            <a:ext cx="8056160" cy="1952030"/>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1">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8"/>
            <a:r>
              <a:rPr lang="en-US" sz="2400" dirty="0">
                <a:solidFill>
                  <a:schemeClr val="bg1"/>
                </a:solidFill>
              </a:rPr>
              <a:t>“Wellthy has been an invaluable benefit for my family. Having a Care Coordinator in the midst of my husband's medical emergency was vital for all our mental health and getting him home from the hospital quickly and safely. We were able to stay with the same care coordinator throughout rehab, follow ups and then resolution with the billing process as well. An expected couple of weeks of support turned into over a year of compassionate, professional service. Thank you!”</a:t>
            </a:r>
          </a:p>
        </p:txBody>
      </p:sp>
    </p:spTree>
    <p:custDataLst>
      <p:custData r:id="rId1"/>
      <p:custData r:id="rId2"/>
    </p:custDataLst>
    <p:extLst>
      <p:ext uri="{BB962C8B-B14F-4D97-AF65-F5344CB8AC3E}">
        <p14:creationId xmlns:p14="http://schemas.microsoft.com/office/powerpoint/2010/main" val="372572003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65237044-2C0E-934E-9FEB-62DA9DD3129E}"/>
              </a:ext>
            </a:extLst>
          </p:cNvPr>
          <p:cNvSpPr/>
          <p:nvPr/>
        </p:nvSpPr>
        <p:spPr bwMode="auto">
          <a:xfrm>
            <a:off x="0" y="4607482"/>
            <a:ext cx="5906743" cy="1631707"/>
          </a:xfrm>
          <a:prstGeom prst="rect">
            <a:avLst/>
          </a:prstGeom>
          <a:solidFill>
            <a:schemeClr val="accent1"/>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3" name="Title 2">
            <a:extLst>
              <a:ext uri="{FF2B5EF4-FFF2-40B4-BE49-F238E27FC236}">
                <a16:creationId xmlns:a16="http://schemas.microsoft.com/office/drawing/2014/main" id="{AB750657-CC23-3F5B-7CB0-A0BDD4250840}"/>
              </a:ext>
            </a:extLst>
          </p:cNvPr>
          <p:cNvSpPr>
            <a:spLocks noGrp="1"/>
          </p:cNvSpPr>
          <p:nvPr>
            <p:ph type="title"/>
          </p:nvPr>
        </p:nvSpPr>
        <p:spPr/>
        <p:txBody>
          <a:bodyPr/>
          <a:lstStyle/>
          <a:p>
            <a:r>
              <a:rPr lang="en-US" dirty="0"/>
              <a:t>How to get started with Wellthy</a:t>
            </a:r>
            <a:br>
              <a:rPr lang="en-US" dirty="0"/>
            </a:br>
            <a:endParaRPr lang="en-US" dirty="0"/>
          </a:p>
        </p:txBody>
      </p:sp>
      <p:sp>
        <p:nvSpPr>
          <p:cNvPr id="49" name="Content Placeholder 48">
            <a:extLst>
              <a:ext uri="{FF2B5EF4-FFF2-40B4-BE49-F238E27FC236}">
                <a16:creationId xmlns:a16="http://schemas.microsoft.com/office/drawing/2014/main" id="{BAAEBE21-630A-4746-9D18-5F6B66362119}"/>
              </a:ext>
            </a:extLst>
          </p:cNvPr>
          <p:cNvSpPr>
            <a:spLocks noGrp="1"/>
          </p:cNvSpPr>
          <p:nvPr>
            <p:ph idx="1"/>
          </p:nvPr>
        </p:nvSpPr>
        <p:spPr/>
        <p:txBody>
          <a:bodyPr/>
          <a:lstStyle/>
          <a:p>
            <a:r>
              <a:rPr lang="en-US" sz="1600" dirty="0">
                <a:latin typeface="+mj-lt"/>
              </a:rPr>
              <a:t>Follow the steps below to create your account, connect with a Care Coordinator, or begin using the self-service tools within the Care Dashboard.</a:t>
            </a:r>
            <a:endParaRPr lang="en-US" sz="1100" dirty="0">
              <a:latin typeface="+mj-lt"/>
            </a:endParaRPr>
          </a:p>
          <a:p>
            <a:r>
              <a:rPr lang="en-US" sz="1600" dirty="0">
                <a:latin typeface="+mj-lt"/>
              </a:rPr>
              <a:t>Whether you're planning for caregiving responsibilities, navigating the aftermath of a sudden event or new diagnosis, managing an ongoing condition, or simply want to connect with others who are caring, Wellthy's suite of offerings meet you wherever you are in your caregiving journey.</a:t>
            </a:r>
          </a:p>
          <a:p>
            <a:endParaRPr lang="en-US" sz="1600" dirty="0">
              <a:latin typeface="+mj-lt"/>
            </a:endParaRPr>
          </a:p>
          <a:p>
            <a:r>
              <a:rPr lang="en-US" sz="1600" dirty="0">
                <a:latin typeface="+mj-lt"/>
              </a:rPr>
              <a:t> </a:t>
            </a:r>
          </a:p>
          <a:p>
            <a:endParaRPr lang="en-US" dirty="0"/>
          </a:p>
          <a:p>
            <a:pPr marL="304792" lvl="0" indent="-304792">
              <a:spcBef>
                <a:spcPts val="1200"/>
              </a:spcBef>
              <a:buClrTx/>
              <a:buFont typeface="+mj-lt"/>
              <a:buAutoNum type="arabicPeriod"/>
            </a:pPr>
            <a:endParaRPr lang="en-US" dirty="0"/>
          </a:p>
          <a:p>
            <a:endParaRPr lang="en-US" dirty="0"/>
          </a:p>
          <a:p>
            <a:pPr lvl="3"/>
            <a:endParaRPr lang="en-US" dirty="0"/>
          </a:p>
        </p:txBody>
      </p:sp>
      <p:sp>
        <p:nvSpPr>
          <p:cNvPr id="8" name="Date Placeholder 7">
            <a:extLst>
              <a:ext uri="{FF2B5EF4-FFF2-40B4-BE49-F238E27FC236}">
                <a16:creationId xmlns:a16="http://schemas.microsoft.com/office/drawing/2014/main" id="{6627A18B-90CD-E54B-B533-4AC23A51DB47}"/>
              </a:ext>
            </a:extLst>
          </p:cNvPr>
          <p:cNvSpPr>
            <a:spLocks noGrp="1"/>
          </p:cNvSpPr>
          <p:nvPr>
            <p:ph type="dt" sz="half" idx="10"/>
          </p:nvPr>
        </p:nvSpPr>
        <p:spPr/>
        <p:txBody>
          <a:bodyPr/>
          <a:lstStyle/>
          <a:p>
            <a:fld id="{925A8A9B-C5B9-7843-8984-20C906B36C81}" type="datetime4">
              <a:rPr lang="en-US"/>
              <a:pPr/>
              <a:t>July 7, 2023</a:t>
            </a:fld>
            <a:endParaRPr lang="en-GB" dirty="0"/>
          </a:p>
        </p:txBody>
      </p:sp>
      <p:sp>
        <p:nvSpPr>
          <p:cNvPr id="10" name="Slide Number Placeholder 9">
            <a:extLst>
              <a:ext uri="{FF2B5EF4-FFF2-40B4-BE49-F238E27FC236}">
                <a16:creationId xmlns:a16="http://schemas.microsoft.com/office/drawing/2014/main" id="{40C4EB1F-FA67-424E-AA6C-E317EA04D1AC}"/>
              </a:ext>
            </a:extLst>
          </p:cNvPr>
          <p:cNvSpPr>
            <a:spLocks noGrp="1"/>
          </p:cNvSpPr>
          <p:nvPr>
            <p:ph type="sldNum" sz="quarter" idx="11"/>
          </p:nvPr>
        </p:nvSpPr>
        <p:spPr/>
        <p:txBody>
          <a:bodyPr/>
          <a:lstStyle/>
          <a:p>
            <a:fld id="{23AA811B-2EBD-4900-905E-5BE206449611}" type="slidenum">
              <a:rPr lang="en-GB"/>
              <a:pPr/>
              <a:t>9</a:t>
            </a:fld>
            <a:endParaRPr lang="en-GB" dirty="0"/>
          </a:p>
        </p:txBody>
      </p:sp>
      <p:sp>
        <p:nvSpPr>
          <p:cNvPr id="58" name="Content Placeholder 36">
            <a:extLst>
              <a:ext uri="{FF2B5EF4-FFF2-40B4-BE49-F238E27FC236}">
                <a16:creationId xmlns:a16="http://schemas.microsoft.com/office/drawing/2014/main" id="{9BEC1CC7-3489-704D-B464-F882241235C0}"/>
              </a:ext>
            </a:extLst>
          </p:cNvPr>
          <p:cNvSpPr>
            <a:spLocks noGrp="1"/>
          </p:cNvSpPr>
          <p:nvPr>
            <p:ph idx="12"/>
          </p:nvPr>
        </p:nvSpPr>
        <p:spPr/>
        <p:txBody>
          <a:bodyPr/>
          <a:lstStyle/>
          <a:p>
            <a:pPr marL="0" lvl="0" indent="0">
              <a:spcBef>
                <a:spcPts val="1200"/>
              </a:spcBef>
              <a:buClrTx/>
              <a:buNone/>
            </a:pPr>
            <a:endParaRPr lang="en-US" dirty="0"/>
          </a:p>
          <a:p>
            <a:pPr marL="304792" lvl="0" indent="-304792">
              <a:spcBef>
                <a:spcPts val="1200"/>
              </a:spcBef>
              <a:buClrTx/>
              <a:buFont typeface="+mj-lt"/>
              <a:buAutoNum type="arabicPeriod"/>
            </a:pPr>
            <a:endParaRPr lang="en-US" dirty="0"/>
          </a:p>
          <a:p>
            <a:endParaRPr lang="en-US" dirty="0"/>
          </a:p>
        </p:txBody>
      </p:sp>
      <p:pic>
        <p:nvPicPr>
          <p:cNvPr id="40" name="Content Placeholder 22" descr="Megaphone outline">
            <a:extLst>
              <a:ext uri="{FF2B5EF4-FFF2-40B4-BE49-F238E27FC236}">
                <a16:creationId xmlns:a16="http://schemas.microsoft.com/office/drawing/2014/main" id="{715A4706-109C-134D-B5BC-FD6F08F680BF}"/>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 xmlns:asvg="http://schemas.microsoft.com/office/drawing/2016/SVG/main" r:embed="rId6"/>
              </a:ext>
            </a:extLst>
          </a:blip>
          <a:stretch>
            <a:fillRect/>
          </a:stretch>
        </p:blipFill>
        <p:spPr>
          <a:xfrm>
            <a:off x="412699" y="4787747"/>
            <a:ext cx="1230037" cy="1230037"/>
          </a:xfrm>
          <a:prstGeom prst="rect">
            <a:avLst/>
          </a:prstGeom>
        </p:spPr>
      </p:pic>
      <p:sp>
        <p:nvSpPr>
          <p:cNvPr id="59" name="Oval 58">
            <a:extLst>
              <a:ext uri="{FF2B5EF4-FFF2-40B4-BE49-F238E27FC236}">
                <a16:creationId xmlns:a16="http://schemas.microsoft.com/office/drawing/2014/main" id="{A88DBAD4-0C36-0B47-AD1E-DE11910B526F}"/>
              </a:ext>
            </a:extLst>
          </p:cNvPr>
          <p:cNvSpPr/>
          <p:nvPr/>
        </p:nvSpPr>
        <p:spPr bwMode="auto">
          <a:xfrm>
            <a:off x="6840538" y="1392601"/>
            <a:ext cx="695622" cy="695622"/>
          </a:xfrm>
          <a:prstGeom prst="ellipse">
            <a:avLst/>
          </a:prstGeom>
          <a:solidFill>
            <a:schemeClr val="accent3"/>
          </a:solidFill>
          <a:ln w="9525">
            <a:noFill/>
            <a:round/>
            <a:headEnd/>
            <a:tailEnd/>
          </a:ln>
        </p:spPr>
        <p:txBody>
          <a:bodyPr vert="horz" wrap="square" lIns="0" tIns="0" rIns="0" bIns="0" numCol="1" rtlCol="0" anchor="ctr" anchorCtr="0" compatLnSpc="1">
            <a:prstTxWarp prst="textNoShape">
              <a:avLst/>
            </a:prstTxWarp>
          </a:bodyPr>
          <a:lstStyle/>
          <a:p>
            <a:pPr algn="ctr"/>
            <a:r>
              <a:rPr lang="en-US" sz="2667" b="1" dirty="0">
                <a:solidFill>
                  <a:schemeClr val="bg1"/>
                </a:solidFill>
              </a:rPr>
              <a:t>01</a:t>
            </a:r>
          </a:p>
        </p:txBody>
      </p:sp>
      <p:sp>
        <p:nvSpPr>
          <p:cNvPr id="60" name="Oval 59">
            <a:extLst>
              <a:ext uri="{FF2B5EF4-FFF2-40B4-BE49-F238E27FC236}">
                <a16:creationId xmlns:a16="http://schemas.microsoft.com/office/drawing/2014/main" id="{473FA0DA-2798-1B4A-AD4A-A20283572597}"/>
              </a:ext>
            </a:extLst>
          </p:cNvPr>
          <p:cNvSpPr/>
          <p:nvPr/>
        </p:nvSpPr>
        <p:spPr bwMode="auto">
          <a:xfrm>
            <a:off x="6877267" y="2594163"/>
            <a:ext cx="695622" cy="695622"/>
          </a:xfrm>
          <a:prstGeom prst="ellipse">
            <a:avLst/>
          </a:prstGeom>
          <a:solidFill>
            <a:schemeClr val="accent2"/>
          </a:solidFill>
          <a:ln w="9525">
            <a:noFill/>
            <a:round/>
            <a:headEnd/>
            <a:tailEnd/>
          </a:ln>
        </p:spPr>
        <p:txBody>
          <a:bodyPr vert="horz" wrap="square" lIns="0" tIns="0" rIns="0" bIns="0" numCol="1" rtlCol="0" anchor="ctr" anchorCtr="0" compatLnSpc="1">
            <a:prstTxWarp prst="textNoShape">
              <a:avLst/>
            </a:prstTxWarp>
          </a:bodyPr>
          <a:lstStyle/>
          <a:p>
            <a:pPr algn="ctr"/>
            <a:r>
              <a:rPr lang="en-US" sz="2667" b="1" dirty="0">
                <a:solidFill>
                  <a:schemeClr val="bg1"/>
                </a:solidFill>
              </a:rPr>
              <a:t>02</a:t>
            </a:r>
          </a:p>
        </p:txBody>
      </p:sp>
      <p:sp>
        <p:nvSpPr>
          <p:cNvPr id="61" name="Oval 60">
            <a:extLst>
              <a:ext uri="{FF2B5EF4-FFF2-40B4-BE49-F238E27FC236}">
                <a16:creationId xmlns:a16="http://schemas.microsoft.com/office/drawing/2014/main" id="{C684571F-B0A8-7647-9432-252929135E59}"/>
              </a:ext>
            </a:extLst>
          </p:cNvPr>
          <p:cNvSpPr/>
          <p:nvPr/>
        </p:nvSpPr>
        <p:spPr bwMode="auto">
          <a:xfrm>
            <a:off x="6840538" y="4291327"/>
            <a:ext cx="695622" cy="695622"/>
          </a:xfrm>
          <a:prstGeom prst="ellipse">
            <a:avLst/>
          </a:prstGeom>
          <a:solidFill>
            <a:schemeClr val="accent1"/>
          </a:solidFill>
          <a:ln w="9525">
            <a:noFill/>
            <a:round/>
            <a:headEnd/>
            <a:tailEnd/>
          </a:ln>
        </p:spPr>
        <p:txBody>
          <a:bodyPr vert="horz" wrap="square" lIns="0" tIns="0" rIns="0" bIns="0" numCol="1" rtlCol="0" anchor="ctr" anchorCtr="0" compatLnSpc="1">
            <a:prstTxWarp prst="textNoShape">
              <a:avLst/>
            </a:prstTxWarp>
          </a:bodyPr>
          <a:lstStyle/>
          <a:p>
            <a:pPr algn="ctr"/>
            <a:r>
              <a:rPr lang="en-US" sz="2667" b="1" dirty="0">
                <a:solidFill>
                  <a:schemeClr val="bg1"/>
                </a:solidFill>
              </a:rPr>
              <a:t>03</a:t>
            </a:r>
          </a:p>
        </p:txBody>
      </p:sp>
      <p:sp>
        <p:nvSpPr>
          <p:cNvPr id="18" name="Text Placeholder 9">
            <a:extLst>
              <a:ext uri="{FF2B5EF4-FFF2-40B4-BE49-F238E27FC236}">
                <a16:creationId xmlns:a16="http://schemas.microsoft.com/office/drawing/2014/main" id="{6F1603C8-F177-2740-AE6A-8B7AF811463F}"/>
              </a:ext>
            </a:extLst>
          </p:cNvPr>
          <p:cNvSpPr txBox="1">
            <a:spLocks/>
          </p:cNvSpPr>
          <p:nvPr/>
        </p:nvSpPr>
        <p:spPr>
          <a:xfrm>
            <a:off x="8100699" y="1411395"/>
            <a:ext cx="3396217" cy="966557"/>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1">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latin typeface="+mj-lt"/>
              </a:rPr>
              <a:t>Create an account</a:t>
            </a:r>
          </a:p>
          <a:p>
            <a:r>
              <a:rPr lang="en-US" dirty="0"/>
              <a:t>Visit join.wellthy.com/</a:t>
            </a:r>
            <a:r>
              <a:rPr lang="en-US" dirty="0" err="1"/>
              <a:t>uphs</a:t>
            </a:r>
            <a:r>
              <a:rPr lang="en-US" dirty="0"/>
              <a:t> and click 'GET STARTED.' Enter your Penn Medicine SSO credentials to create your account</a:t>
            </a:r>
          </a:p>
        </p:txBody>
      </p:sp>
      <p:sp>
        <p:nvSpPr>
          <p:cNvPr id="19" name="Text Placeholder 9">
            <a:extLst>
              <a:ext uri="{FF2B5EF4-FFF2-40B4-BE49-F238E27FC236}">
                <a16:creationId xmlns:a16="http://schemas.microsoft.com/office/drawing/2014/main" id="{BFE15EAF-44F6-9347-BB66-B583B6F10EA4}"/>
              </a:ext>
            </a:extLst>
          </p:cNvPr>
          <p:cNvSpPr txBox="1">
            <a:spLocks/>
          </p:cNvSpPr>
          <p:nvPr/>
        </p:nvSpPr>
        <p:spPr>
          <a:xfrm>
            <a:off x="8174157" y="2692085"/>
            <a:ext cx="3396217" cy="966557"/>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1">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2"/>
                </a:solidFill>
                <a:latin typeface="+mj-lt"/>
              </a:rPr>
              <a:t>Confirm your eligibility</a:t>
            </a:r>
          </a:p>
          <a:p>
            <a:r>
              <a:rPr lang="en-US" dirty="0"/>
              <a:t>To verify you have sponsored access to Wellthy's services as a covered benefit, you will need to confirm your eligibility  during the onboarding process</a:t>
            </a:r>
          </a:p>
        </p:txBody>
      </p:sp>
      <p:sp>
        <p:nvSpPr>
          <p:cNvPr id="20" name="Text Placeholder 9">
            <a:extLst>
              <a:ext uri="{FF2B5EF4-FFF2-40B4-BE49-F238E27FC236}">
                <a16:creationId xmlns:a16="http://schemas.microsoft.com/office/drawing/2014/main" id="{8BCBFCF6-0521-9A4B-AB5A-4D8F5063AF6F}"/>
              </a:ext>
            </a:extLst>
          </p:cNvPr>
          <p:cNvSpPr txBox="1">
            <a:spLocks/>
          </p:cNvSpPr>
          <p:nvPr/>
        </p:nvSpPr>
        <p:spPr>
          <a:xfrm>
            <a:off x="8101410" y="4291327"/>
            <a:ext cx="3730588" cy="966557"/>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1">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1"/>
                </a:solidFill>
                <a:latin typeface="+mj-lt"/>
              </a:rPr>
              <a:t>Start a Care Project or explore Wellthy Community</a:t>
            </a:r>
          </a:p>
          <a:p>
            <a:r>
              <a:rPr lang="en-US" dirty="0"/>
              <a:t>We'll ask for a bit of information on who you're caring for so we can match you with the best-fit expert on our team. As a final step, let us know if you're ready to start working with a Care Coordinator, or simply choose your Wellthy Community display name to connect with other family caregivers</a:t>
            </a:r>
          </a:p>
        </p:txBody>
      </p:sp>
      <p:grpSp>
        <p:nvGrpSpPr>
          <p:cNvPr id="16" name="Graphic 1">
            <a:extLst>
              <a:ext uri="{FF2B5EF4-FFF2-40B4-BE49-F238E27FC236}">
                <a16:creationId xmlns:a16="http://schemas.microsoft.com/office/drawing/2014/main" id="{1E6ABF41-A414-F6D0-D6FC-4661AB8300B8}"/>
              </a:ext>
            </a:extLst>
          </p:cNvPr>
          <p:cNvGrpSpPr/>
          <p:nvPr/>
        </p:nvGrpSpPr>
        <p:grpSpPr>
          <a:xfrm>
            <a:off x="2190239" y="4832940"/>
            <a:ext cx="941406" cy="1044358"/>
            <a:chOff x="4665180" y="2368749"/>
            <a:chExt cx="932895" cy="953349"/>
          </a:xfrm>
          <a:solidFill>
            <a:schemeClr val="bg1"/>
          </a:solidFill>
        </p:grpSpPr>
        <p:sp>
          <p:nvSpPr>
            <p:cNvPr id="17" name="Freeform 16">
              <a:extLst>
                <a:ext uri="{FF2B5EF4-FFF2-40B4-BE49-F238E27FC236}">
                  <a16:creationId xmlns:a16="http://schemas.microsoft.com/office/drawing/2014/main" id="{EA2224E0-A617-64E9-9B41-6F73386584A2}"/>
                </a:ext>
              </a:extLst>
            </p:cNvPr>
            <p:cNvSpPr/>
            <p:nvPr/>
          </p:nvSpPr>
          <p:spPr>
            <a:xfrm>
              <a:off x="4813922" y="2368749"/>
              <a:ext cx="625548" cy="551078"/>
            </a:xfrm>
            <a:custGeom>
              <a:avLst/>
              <a:gdLst>
                <a:gd name="connsiteX0" fmla="*/ 297880 w 625548"/>
                <a:gd name="connsiteY0" fmla="*/ 551079 h 551078"/>
                <a:gd name="connsiteX1" fmla="*/ 327668 w 625548"/>
                <a:gd name="connsiteY1" fmla="*/ 551079 h 551078"/>
                <a:gd name="connsiteX2" fmla="*/ 327668 w 625548"/>
                <a:gd name="connsiteY2" fmla="*/ 357457 h 551078"/>
                <a:gd name="connsiteX3" fmla="*/ 297880 w 625548"/>
                <a:gd name="connsiteY3" fmla="*/ 357457 h 551078"/>
                <a:gd name="connsiteX4" fmla="*/ 297880 w 625548"/>
                <a:gd name="connsiteY4" fmla="*/ 551079 h 551078"/>
                <a:gd name="connsiteX5" fmla="*/ 412663 w 625548"/>
                <a:gd name="connsiteY5" fmla="*/ 108627 h 551078"/>
                <a:gd name="connsiteX6" fmla="*/ 402139 w 625548"/>
                <a:gd name="connsiteY6" fmla="*/ 104258 h 551078"/>
                <a:gd name="connsiteX7" fmla="*/ 351764 w 625548"/>
                <a:gd name="connsiteY7" fmla="*/ 104258 h 551078"/>
                <a:gd name="connsiteX8" fmla="*/ 372351 w 625548"/>
                <a:gd name="connsiteY8" fmla="*/ 59576 h 551078"/>
                <a:gd name="connsiteX9" fmla="*/ 312774 w 625548"/>
                <a:gd name="connsiteY9" fmla="*/ 0 h 551078"/>
                <a:gd name="connsiteX10" fmla="*/ 253198 w 625548"/>
                <a:gd name="connsiteY10" fmla="*/ 59576 h 551078"/>
                <a:gd name="connsiteX11" fmla="*/ 273785 w 625548"/>
                <a:gd name="connsiteY11" fmla="*/ 104258 h 551078"/>
                <a:gd name="connsiteX12" fmla="*/ 223410 w 625548"/>
                <a:gd name="connsiteY12" fmla="*/ 104258 h 551078"/>
                <a:gd name="connsiteX13" fmla="*/ 212885 w 625548"/>
                <a:gd name="connsiteY13" fmla="*/ 108627 h 551078"/>
                <a:gd name="connsiteX14" fmla="*/ 183097 w 625548"/>
                <a:gd name="connsiteY14" fmla="*/ 138415 h 551078"/>
                <a:gd name="connsiteX15" fmla="*/ 178728 w 625548"/>
                <a:gd name="connsiteY15" fmla="*/ 148940 h 551078"/>
                <a:gd name="connsiteX16" fmla="*/ 178728 w 625548"/>
                <a:gd name="connsiteY16" fmla="*/ 312774 h 551078"/>
                <a:gd name="connsiteX17" fmla="*/ 193622 w 625548"/>
                <a:gd name="connsiteY17" fmla="*/ 327668 h 551078"/>
                <a:gd name="connsiteX18" fmla="*/ 238304 w 625548"/>
                <a:gd name="connsiteY18" fmla="*/ 327668 h 551078"/>
                <a:gd name="connsiteX19" fmla="*/ 238304 w 625548"/>
                <a:gd name="connsiteY19" fmla="*/ 551079 h 551078"/>
                <a:gd name="connsiteX20" fmla="*/ 268092 w 625548"/>
                <a:gd name="connsiteY20" fmla="*/ 551079 h 551078"/>
                <a:gd name="connsiteX21" fmla="*/ 268092 w 625548"/>
                <a:gd name="connsiteY21" fmla="*/ 178728 h 551078"/>
                <a:gd name="connsiteX22" fmla="*/ 238304 w 625548"/>
                <a:gd name="connsiteY22" fmla="*/ 178728 h 551078"/>
                <a:gd name="connsiteX23" fmla="*/ 238304 w 625548"/>
                <a:gd name="connsiteY23" fmla="*/ 297880 h 551078"/>
                <a:gd name="connsiteX24" fmla="*/ 208516 w 625548"/>
                <a:gd name="connsiteY24" fmla="*/ 297880 h 551078"/>
                <a:gd name="connsiteX25" fmla="*/ 208516 w 625548"/>
                <a:gd name="connsiteY25" fmla="*/ 155096 h 551078"/>
                <a:gd name="connsiteX26" fmla="*/ 229566 w 625548"/>
                <a:gd name="connsiteY26" fmla="*/ 134046 h 551078"/>
                <a:gd name="connsiteX27" fmla="*/ 395982 w 625548"/>
                <a:gd name="connsiteY27" fmla="*/ 134046 h 551078"/>
                <a:gd name="connsiteX28" fmla="*/ 417033 w 625548"/>
                <a:gd name="connsiteY28" fmla="*/ 155096 h 551078"/>
                <a:gd name="connsiteX29" fmla="*/ 417033 w 625548"/>
                <a:gd name="connsiteY29" fmla="*/ 297880 h 551078"/>
                <a:gd name="connsiteX30" fmla="*/ 387245 w 625548"/>
                <a:gd name="connsiteY30" fmla="*/ 297880 h 551078"/>
                <a:gd name="connsiteX31" fmla="*/ 387245 w 625548"/>
                <a:gd name="connsiteY31" fmla="*/ 178728 h 551078"/>
                <a:gd name="connsiteX32" fmla="*/ 357457 w 625548"/>
                <a:gd name="connsiteY32" fmla="*/ 178728 h 551078"/>
                <a:gd name="connsiteX33" fmla="*/ 357457 w 625548"/>
                <a:gd name="connsiteY33" fmla="*/ 551079 h 551078"/>
                <a:gd name="connsiteX34" fmla="*/ 387245 w 625548"/>
                <a:gd name="connsiteY34" fmla="*/ 551079 h 551078"/>
                <a:gd name="connsiteX35" fmla="*/ 387245 w 625548"/>
                <a:gd name="connsiteY35" fmla="*/ 327668 h 551078"/>
                <a:gd name="connsiteX36" fmla="*/ 431927 w 625548"/>
                <a:gd name="connsiteY36" fmla="*/ 327668 h 551078"/>
                <a:gd name="connsiteX37" fmla="*/ 446821 w 625548"/>
                <a:gd name="connsiteY37" fmla="*/ 312774 h 551078"/>
                <a:gd name="connsiteX38" fmla="*/ 446821 w 625548"/>
                <a:gd name="connsiteY38" fmla="*/ 148940 h 551078"/>
                <a:gd name="connsiteX39" fmla="*/ 442452 w 625548"/>
                <a:gd name="connsiteY39" fmla="*/ 138415 h 551078"/>
                <a:gd name="connsiteX40" fmla="*/ 412663 w 625548"/>
                <a:gd name="connsiteY40" fmla="*/ 108627 h 551078"/>
                <a:gd name="connsiteX41" fmla="*/ 312774 w 625548"/>
                <a:gd name="connsiteY41" fmla="*/ 89364 h 551078"/>
                <a:gd name="connsiteX42" fmla="*/ 282986 w 625548"/>
                <a:gd name="connsiteY42" fmla="*/ 59576 h 551078"/>
                <a:gd name="connsiteX43" fmla="*/ 312774 w 625548"/>
                <a:gd name="connsiteY43" fmla="*/ 29788 h 551078"/>
                <a:gd name="connsiteX44" fmla="*/ 342563 w 625548"/>
                <a:gd name="connsiteY44" fmla="*/ 59576 h 551078"/>
                <a:gd name="connsiteX45" fmla="*/ 312774 w 625548"/>
                <a:gd name="connsiteY45" fmla="*/ 89364 h 551078"/>
                <a:gd name="connsiteX46" fmla="*/ 134046 w 625548"/>
                <a:gd name="connsiteY46" fmla="*/ 0 h 551078"/>
                <a:gd name="connsiteX47" fmla="*/ 74470 w 625548"/>
                <a:gd name="connsiteY47" fmla="*/ 59576 h 551078"/>
                <a:gd name="connsiteX48" fmla="*/ 95057 w 625548"/>
                <a:gd name="connsiteY48" fmla="*/ 104258 h 551078"/>
                <a:gd name="connsiteX49" fmla="*/ 44682 w 625548"/>
                <a:gd name="connsiteY49" fmla="*/ 104258 h 551078"/>
                <a:gd name="connsiteX50" fmla="*/ 34157 w 625548"/>
                <a:gd name="connsiteY50" fmla="*/ 108627 h 551078"/>
                <a:gd name="connsiteX51" fmla="*/ 4369 w 625548"/>
                <a:gd name="connsiteY51" fmla="*/ 138415 h 551078"/>
                <a:gd name="connsiteX52" fmla="*/ 0 w 625548"/>
                <a:gd name="connsiteY52" fmla="*/ 148940 h 551078"/>
                <a:gd name="connsiteX53" fmla="*/ 0 w 625548"/>
                <a:gd name="connsiteY53" fmla="*/ 312774 h 551078"/>
                <a:gd name="connsiteX54" fmla="*/ 14894 w 625548"/>
                <a:gd name="connsiteY54" fmla="*/ 327668 h 551078"/>
                <a:gd name="connsiteX55" fmla="*/ 59576 w 625548"/>
                <a:gd name="connsiteY55" fmla="*/ 327668 h 551078"/>
                <a:gd name="connsiteX56" fmla="*/ 59576 w 625548"/>
                <a:gd name="connsiteY56" fmla="*/ 551079 h 551078"/>
                <a:gd name="connsiteX57" fmla="*/ 89364 w 625548"/>
                <a:gd name="connsiteY57" fmla="*/ 551079 h 551078"/>
                <a:gd name="connsiteX58" fmla="*/ 89364 w 625548"/>
                <a:gd name="connsiteY58" fmla="*/ 178728 h 551078"/>
                <a:gd name="connsiteX59" fmla="*/ 59576 w 625548"/>
                <a:gd name="connsiteY59" fmla="*/ 178728 h 551078"/>
                <a:gd name="connsiteX60" fmla="*/ 59576 w 625548"/>
                <a:gd name="connsiteY60" fmla="*/ 297880 h 551078"/>
                <a:gd name="connsiteX61" fmla="*/ 29788 w 625548"/>
                <a:gd name="connsiteY61" fmla="*/ 297880 h 551078"/>
                <a:gd name="connsiteX62" fmla="*/ 29788 w 625548"/>
                <a:gd name="connsiteY62" fmla="*/ 155096 h 551078"/>
                <a:gd name="connsiteX63" fmla="*/ 50838 w 625548"/>
                <a:gd name="connsiteY63" fmla="*/ 134046 h 551078"/>
                <a:gd name="connsiteX64" fmla="*/ 163834 w 625548"/>
                <a:gd name="connsiteY64" fmla="*/ 134046 h 551078"/>
                <a:gd name="connsiteX65" fmla="*/ 163834 w 625548"/>
                <a:gd name="connsiteY65" fmla="*/ 110878 h 551078"/>
                <a:gd name="connsiteX66" fmla="*/ 193622 w 625548"/>
                <a:gd name="connsiteY66" fmla="*/ 59576 h 551078"/>
                <a:gd name="connsiteX67" fmla="*/ 134046 w 625548"/>
                <a:gd name="connsiteY67" fmla="*/ 0 h 551078"/>
                <a:gd name="connsiteX68" fmla="*/ 134046 w 625548"/>
                <a:gd name="connsiteY68" fmla="*/ 89364 h 551078"/>
                <a:gd name="connsiteX69" fmla="*/ 104258 w 625548"/>
                <a:gd name="connsiteY69" fmla="*/ 59576 h 551078"/>
                <a:gd name="connsiteX70" fmla="*/ 134046 w 625548"/>
                <a:gd name="connsiteY70" fmla="*/ 29788 h 551078"/>
                <a:gd name="connsiteX71" fmla="*/ 163834 w 625548"/>
                <a:gd name="connsiteY71" fmla="*/ 59576 h 551078"/>
                <a:gd name="connsiteX72" fmla="*/ 134046 w 625548"/>
                <a:gd name="connsiteY72" fmla="*/ 89364 h 551078"/>
                <a:gd name="connsiteX73" fmla="*/ 119152 w 625548"/>
                <a:gd name="connsiteY73" fmla="*/ 551079 h 551078"/>
                <a:gd name="connsiteX74" fmla="*/ 148940 w 625548"/>
                <a:gd name="connsiteY74" fmla="*/ 551079 h 551078"/>
                <a:gd name="connsiteX75" fmla="*/ 148940 w 625548"/>
                <a:gd name="connsiteY75" fmla="*/ 357457 h 551078"/>
                <a:gd name="connsiteX76" fmla="*/ 119152 w 625548"/>
                <a:gd name="connsiteY76" fmla="*/ 357457 h 551078"/>
                <a:gd name="connsiteX77" fmla="*/ 119152 w 625548"/>
                <a:gd name="connsiteY77" fmla="*/ 551079 h 551078"/>
                <a:gd name="connsiteX78" fmla="*/ 476609 w 625548"/>
                <a:gd name="connsiteY78" fmla="*/ 521291 h 551078"/>
                <a:gd name="connsiteX79" fmla="*/ 506397 w 625548"/>
                <a:gd name="connsiteY79" fmla="*/ 521291 h 551078"/>
                <a:gd name="connsiteX80" fmla="*/ 506397 w 625548"/>
                <a:gd name="connsiteY80" fmla="*/ 357457 h 551078"/>
                <a:gd name="connsiteX81" fmla="*/ 476609 w 625548"/>
                <a:gd name="connsiteY81" fmla="*/ 357457 h 551078"/>
                <a:gd name="connsiteX82" fmla="*/ 476609 w 625548"/>
                <a:gd name="connsiteY82" fmla="*/ 521291 h 551078"/>
                <a:gd name="connsiteX83" fmla="*/ 621180 w 625548"/>
                <a:gd name="connsiteY83" fmla="*/ 138415 h 551078"/>
                <a:gd name="connsiteX84" fmla="*/ 591392 w 625548"/>
                <a:gd name="connsiteY84" fmla="*/ 108627 h 551078"/>
                <a:gd name="connsiteX85" fmla="*/ 580867 w 625548"/>
                <a:gd name="connsiteY85" fmla="*/ 104258 h 551078"/>
                <a:gd name="connsiteX86" fmla="*/ 530492 w 625548"/>
                <a:gd name="connsiteY86" fmla="*/ 104258 h 551078"/>
                <a:gd name="connsiteX87" fmla="*/ 551079 w 625548"/>
                <a:gd name="connsiteY87" fmla="*/ 59576 h 551078"/>
                <a:gd name="connsiteX88" fmla="*/ 491503 w 625548"/>
                <a:gd name="connsiteY88" fmla="*/ 0 h 551078"/>
                <a:gd name="connsiteX89" fmla="*/ 431927 w 625548"/>
                <a:gd name="connsiteY89" fmla="*/ 59576 h 551078"/>
                <a:gd name="connsiteX90" fmla="*/ 461715 w 625548"/>
                <a:gd name="connsiteY90" fmla="*/ 110878 h 551078"/>
                <a:gd name="connsiteX91" fmla="*/ 461715 w 625548"/>
                <a:gd name="connsiteY91" fmla="*/ 134046 h 551078"/>
                <a:gd name="connsiteX92" fmla="*/ 574711 w 625548"/>
                <a:gd name="connsiteY92" fmla="*/ 134046 h 551078"/>
                <a:gd name="connsiteX93" fmla="*/ 595761 w 625548"/>
                <a:gd name="connsiteY93" fmla="*/ 155096 h 551078"/>
                <a:gd name="connsiteX94" fmla="*/ 595761 w 625548"/>
                <a:gd name="connsiteY94" fmla="*/ 297880 h 551078"/>
                <a:gd name="connsiteX95" fmla="*/ 565973 w 625548"/>
                <a:gd name="connsiteY95" fmla="*/ 297880 h 551078"/>
                <a:gd name="connsiteX96" fmla="*/ 565973 w 625548"/>
                <a:gd name="connsiteY96" fmla="*/ 178728 h 551078"/>
                <a:gd name="connsiteX97" fmla="*/ 536185 w 625548"/>
                <a:gd name="connsiteY97" fmla="*/ 178728 h 551078"/>
                <a:gd name="connsiteX98" fmla="*/ 536185 w 625548"/>
                <a:gd name="connsiteY98" fmla="*/ 521291 h 551078"/>
                <a:gd name="connsiteX99" fmla="*/ 565973 w 625548"/>
                <a:gd name="connsiteY99" fmla="*/ 521291 h 551078"/>
                <a:gd name="connsiteX100" fmla="*/ 565973 w 625548"/>
                <a:gd name="connsiteY100" fmla="*/ 327668 h 551078"/>
                <a:gd name="connsiteX101" fmla="*/ 610655 w 625548"/>
                <a:gd name="connsiteY101" fmla="*/ 327668 h 551078"/>
                <a:gd name="connsiteX102" fmla="*/ 625549 w 625548"/>
                <a:gd name="connsiteY102" fmla="*/ 312774 h 551078"/>
                <a:gd name="connsiteX103" fmla="*/ 625549 w 625548"/>
                <a:gd name="connsiteY103" fmla="*/ 148940 h 551078"/>
                <a:gd name="connsiteX104" fmla="*/ 621180 w 625548"/>
                <a:gd name="connsiteY104" fmla="*/ 138415 h 551078"/>
                <a:gd name="connsiteX105" fmla="*/ 491503 w 625548"/>
                <a:gd name="connsiteY105" fmla="*/ 89364 h 551078"/>
                <a:gd name="connsiteX106" fmla="*/ 461715 w 625548"/>
                <a:gd name="connsiteY106" fmla="*/ 59576 h 551078"/>
                <a:gd name="connsiteX107" fmla="*/ 491503 w 625548"/>
                <a:gd name="connsiteY107" fmla="*/ 29788 h 551078"/>
                <a:gd name="connsiteX108" fmla="*/ 521291 w 625548"/>
                <a:gd name="connsiteY108" fmla="*/ 59576 h 551078"/>
                <a:gd name="connsiteX109" fmla="*/ 491503 w 625548"/>
                <a:gd name="connsiteY109" fmla="*/ 89364 h 5510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Lst>
              <a:rect l="l" t="t" r="r" b="b"/>
              <a:pathLst>
                <a:path w="625548" h="551078">
                  <a:moveTo>
                    <a:pt x="297880" y="551079"/>
                  </a:moveTo>
                  <a:lnTo>
                    <a:pt x="327668" y="551079"/>
                  </a:lnTo>
                  <a:lnTo>
                    <a:pt x="327668" y="357457"/>
                  </a:lnTo>
                  <a:lnTo>
                    <a:pt x="297880" y="357457"/>
                  </a:lnTo>
                  <a:lnTo>
                    <a:pt x="297880" y="551079"/>
                  </a:lnTo>
                  <a:close/>
                  <a:moveTo>
                    <a:pt x="412663" y="108627"/>
                  </a:moveTo>
                  <a:lnTo>
                    <a:pt x="402139" y="104258"/>
                  </a:lnTo>
                  <a:lnTo>
                    <a:pt x="351764" y="104258"/>
                  </a:lnTo>
                  <a:cubicBezTo>
                    <a:pt x="364274" y="93336"/>
                    <a:pt x="372351" y="77449"/>
                    <a:pt x="372351" y="59576"/>
                  </a:cubicBezTo>
                  <a:cubicBezTo>
                    <a:pt x="372351" y="26743"/>
                    <a:pt x="345608" y="0"/>
                    <a:pt x="312774" y="0"/>
                  </a:cubicBezTo>
                  <a:cubicBezTo>
                    <a:pt x="279941" y="0"/>
                    <a:pt x="253198" y="26743"/>
                    <a:pt x="253198" y="59576"/>
                  </a:cubicBezTo>
                  <a:cubicBezTo>
                    <a:pt x="253198" y="77449"/>
                    <a:pt x="261274" y="93336"/>
                    <a:pt x="273785" y="104258"/>
                  </a:cubicBezTo>
                  <a:lnTo>
                    <a:pt x="223410" y="104258"/>
                  </a:lnTo>
                  <a:lnTo>
                    <a:pt x="212885" y="108627"/>
                  </a:lnTo>
                  <a:lnTo>
                    <a:pt x="183097" y="138415"/>
                  </a:lnTo>
                  <a:lnTo>
                    <a:pt x="178728" y="148940"/>
                  </a:lnTo>
                  <a:lnTo>
                    <a:pt x="178728" y="312774"/>
                  </a:lnTo>
                  <a:lnTo>
                    <a:pt x="193622" y="327668"/>
                  </a:lnTo>
                  <a:lnTo>
                    <a:pt x="238304" y="327668"/>
                  </a:lnTo>
                  <a:lnTo>
                    <a:pt x="238304" y="551079"/>
                  </a:lnTo>
                  <a:lnTo>
                    <a:pt x="268092" y="551079"/>
                  </a:lnTo>
                  <a:lnTo>
                    <a:pt x="268092" y="178728"/>
                  </a:lnTo>
                  <a:lnTo>
                    <a:pt x="238304" y="178728"/>
                  </a:lnTo>
                  <a:lnTo>
                    <a:pt x="238304" y="297880"/>
                  </a:lnTo>
                  <a:lnTo>
                    <a:pt x="208516" y="297880"/>
                  </a:lnTo>
                  <a:lnTo>
                    <a:pt x="208516" y="155096"/>
                  </a:lnTo>
                  <a:lnTo>
                    <a:pt x="229566" y="134046"/>
                  </a:lnTo>
                  <a:lnTo>
                    <a:pt x="395982" y="134046"/>
                  </a:lnTo>
                  <a:lnTo>
                    <a:pt x="417033" y="155096"/>
                  </a:lnTo>
                  <a:lnTo>
                    <a:pt x="417033" y="297880"/>
                  </a:lnTo>
                  <a:lnTo>
                    <a:pt x="387245" y="297880"/>
                  </a:lnTo>
                  <a:lnTo>
                    <a:pt x="387245" y="178728"/>
                  </a:lnTo>
                  <a:lnTo>
                    <a:pt x="357457" y="178728"/>
                  </a:lnTo>
                  <a:lnTo>
                    <a:pt x="357457" y="551079"/>
                  </a:lnTo>
                  <a:lnTo>
                    <a:pt x="387245" y="551079"/>
                  </a:lnTo>
                  <a:lnTo>
                    <a:pt x="387245" y="327668"/>
                  </a:lnTo>
                  <a:lnTo>
                    <a:pt x="431927" y="327668"/>
                  </a:lnTo>
                  <a:lnTo>
                    <a:pt x="446821" y="312774"/>
                  </a:lnTo>
                  <a:lnTo>
                    <a:pt x="446821" y="148940"/>
                  </a:lnTo>
                  <a:lnTo>
                    <a:pt x="442452" y="138415"/>
                  </a:lnTo>
                  <a:lnTo>
                    <a:pt x="412663" y="108627"/>
                  </a:lnTo>
                  <a:close/>
                  <a:moveTo>
                    <a:pt x="312774" y="89364"/>
                  </a:moveTo>
                  <a:cubicBezTo>
                    <a:pt x="296358" y="89364"/>
                    <a:pt x="282986" y="75993"/>
                    <a:pt x="282986" y="59576"/>
                  </a:cubicBezTo>
                  <a:cubicBezTo>
                    <a:pt x="282986" y="43159"/>
                    <a:pt x="296358" y="29788"/>
                    <a:pt x="312774" y="29788"/>
                  </a:cubicBezTo>
                  <a:cubicBezTo>
                    <a:pt x="329191" y="29788"/>
                    <a:pt x="342563" y="43159"/>
                    <a:pt x="342563" y="59576"/>
                  </a:cubicBezTo>
                  <a:cubicBezTo>
                    <a:pt x="342563" y="75993"/>
                    <a:pt x="329191" y="89364"/>
                    <a:pt x="312774" y="89364"/>
                  </a:cubicBezTo>
                  <a:close/>
                  <a:moveTo>
                    <a:pt x="134046" y="0"/>
                  </a:moveTo>
                  <a:cubicBezTo>
                    <a:pt x="101213" y="0"/>
                    <a:pt x="74470" y="26743"/>
                    <a:pt x="74470" y="59576"/>
                  </a:cubicBezTo>
                  <a:cubicBezTo>
                    <a:pt x="74470" y="77449"/>
                    <a:pt x="82546" y="93336"/>
                    <a:pt x="95057" y="104258"/>
                  </a:cubicBezTo>
                  <a:lnTo>
                    <a:pt x="44682" y="104258"/>
                  </a:lnTo>
                  <a:lnTo>
                    <a:pt x="34157" y="108627"/>
                  </a:lnTo>
                  <a:lnTo>
                    <a:pt x="4369" y="138415"/>
                  </a:lnTo>
                  <a:lnTo>
                    <a:pt x="0" y="148940"/>
                  </a:lnTo>
                  <a:lnTo>
                    <a:pt x="0" y="312774"/>
                  </a:lnTo>
                  <a:lnTo>
                    <a:pt x="14894" y="327668"/>
                  </a:lnTo>
                  <a:lnTo>
                    <a:pt x="59576" y="327668"/>
                  </a:lnTo>
                  <a:lnTo>
                    <a:pt x="59576" y="551079"/>
                  </a:lnTo>
                  <a:lnTo>
                    <a:pt x="89364" y="551079"/>
                  </a:lnTo>
                  <a:lnTo>
                    <a:pt x="89364" y="178728"/>
                  </a:lnTo>
                  <a:lnTo>
                    <a:pt x="59576" y="178728"/>
                  </a:lnTo>
                  <a:lnTo>
                    <a:pt x="59576" y="297880"/>
                  </a:lnTo>
                  <a:lnTo>
                    <a:pt x="29788" y="297880"/>
                  </a:lnTo>
                  <a:lnTo>
                    <a:pt x="29788" y="155096"/>
                  </a:lnTo>
                  <a:lnTo>
                    <a:pt x="50838" y="134046"/>
                  </a:lnTo>
                  <a:lnTo>
                    <a:pt x="163834" y="134046"/>
                  </a:lnTo>
                  <a:lnTo>
                    <a:pt x="163834" y="110878"/>
                  </a:lnTo>
                  <a:cubicBezTo>
                    <a:pt x="181575" y="100551"/>
                    <a:pt x="193622" y="81553"/>
                    <a:pt x="193622" y="59576"/>
                  </a:cubicBezTo>
                  <a:cubicBezTo>
                    <a:pt x="193622" y="26677"/>
                    <a:pt x="166879" y="0"/>
                    <a:pt x="134046" y="0"/>
                  </a:cubicBezTo>
                  <a:close/>
                  <a:moveTo>
                    <a:pt x="134046" y="89364"/>
                  </a:moveTo>
                  <a:cubicBezTo>
                    <a:pt x="117630" y="89364"/>
                    <a:pt x="104258" y="75993"/>
                    <a:pt x="104258" y="59576"/>
                  </a:cubicBezTo>
                  <a:cubicBezTo>
                    <a:pt x="104258" y="43159"/>
                    <a:pt x="117630" y="29788"/>
                    <a:pt x="134046" y="29788"/>
                  </a:cubicBezTo>
                  <a:cubicBezTo>
                    <a:pt x="150463" y="29788"/>
                    <a:pt x="163834" y="43159"/>
                    <a:pt x="163834" y="59576"/>
                  </a:cubicBezTo>
                  <a:cubicBezTo>
                    <a:pt x="163834" y="75993"/>
                    <a:pt x="150463" y="89364"/>
                    <a:pt x="134046" y="89364"/>
                  </a:cubicBezTo>
                  <a:close/>
                  <a:moveTo>
                    <a:pt x="119152" y="551079"/>
                  </a:moveTo>
                  <a:lnTo>
                    <a:pt x="148940" y="551079"/>
                  </a:lnTo>
                  <a:lnTo>
                    <a:pt x="148940" y="357457"/>
                  </a:lnTo>
                  <a:lnTo>
                    <a:pt x="119152" y="357457"/>
                  </a:lnTo>
                  <a:lnTo>
                    <a:pt x="119152" y="551079"/>
                  </a:lnTo>
                  <a:close/>
                  <a:moveTo>
                    <a:pt x="476609" y="521291"/>
                  </a:moveTo>
                  <a:lnTo>
                    <a:pt x="506397" y="521291"/>
                  </a:lnTo>
                  <a:lnTo>
                    <a:pt x="506397" y="357457"/>
                  </a:lnTo>
                  <a:lnTo>
                    <a:pt x="476609" y="357457"/>
                  </a:lnTo>
                  <a:lnTo>
                    <a:pt x="476609" y="521291"/>
                  </a:lnTo>
                  <a:close/>
                  <a:moveTo>
                    <a:pt x="621180" y="138415"/>
                  </a:moveTo>
                  <a:lnTo>
                    <a:pt x="591392" y="108627"/>
                  </a:lnTo>
                  <a:lnTo>
                    <a:pt x="580867" y="104258"/>
                  </a:lnTo>
                  <a:lnTo>
                    <a:pt x="530492" y="104258"/>
                  </a:lnTo>
                  <a:cubicBezTo>
                    <a:pt x="543003" y="93336"/>
                    <a:pt x="551079" y="77449"/>
                    <a:pt x="551079" y="59576"/>
                  </a:cubicBezTo>
                  <a:cubicBezTo>
                    <a:pt x="551079" y="26743"/>
                    <a:pt x="524336" y="0"/>
                    <a:pt x="491503" y="0"/>
                  </a:cubicBezTo>
                  <a:cubicBezTo>
                    <a:pt x="458670" y="0"/>
                    <a:pt x="431927" y="26743"/>
                    <a:pt x="431927" y="59576"/>
                  </a:cubicBezTo>
                  <a:cubicBezTo>
                    <a:pt x="431927" y="81553"/>
                    <a:pt x="443974" y="100551"/>
                    <a:pt x="461715" y="110878"/>
                  </a:cubicBezTo>
                  <a:lnTo>
                    <a:pt x="461715" y="134046"/>
                  </a:lnTo>
                  <a:lnTo>
                    <a:pt x="574711" y="134046"/>
                  </a:lnTo>
                  <a:lnTo>
                    <a:pt x="595761" y="155096"/>
                  </a:lnTo>
                  <a:lnTo>
                    <a:pt x="595761" y="297880"/>
                  </a:lnTo>
                  <a:lnTo>
                    <a:pt x="565973" y="297880"/>
                  </a:lnTo>
                  <a:lnTo>
                    <a:pt x="565973" y="178728"/>
                  </a:lnTo>
                  <a:lnTo>
                    <a:pt x="536185" y="178728"/>
                  </a:lnTo>
                  <a:lnTo>
                    <a:pt x="536185" y="521291"/>
                  </a:lnTo>
                  <a:lnTo>
                    <a:pt x="565973" y="521291"/>
                  </a:lnTo>
                  <a:lnTo>
                    <a:pt x="565973" y="327668"/>
                  </a:lnTo>
                  <a:lnTo>
                    <a:pt x="610655" y="327668"/>
                  </a:lnTo>
                  <a:lnTo>
                    <a:pt x="625549" y="312774"/>
                  </a:lnTo>
                  <a:lnTo>
                    <a:pt x="625549" y="148940"/>
                  </a:lnTo>
                  <a:lnTo>
                    <a:pt x="621180" y="138415"/>
                  </a:lnTo>
                  <a:close/>
                  <a:moveTo>
                    <a:pt x="491503" y="89364"/>
                  </a:moveTo>
                  <a:cubicBezTo>
                    <a:pt x="475086" y="89364"/>
                    <a:pt x="461715" y="75993"/>
                    <a:pt x="461715" y="59576"/>
                  </a:cubicBezTo>
                  <a:cubicBezTo>
                    <a:pt x="461715" y="43159"/>
                    <a:pt x="475086" y="29788"/>
                    <a:pt x="491503" y="29788"/>
                  </a:cubicBezTo>
                  <a:cubicBezTo>
                    <a:pt x="507919" y="29788"/>
                    <a:pt x="521291" y="43159"/>
                    <a:pt x="521291" y="59576"/>
                  </a:cubicBezTo>
                  <a:cubicBezTo>
                    <a:pt x="521291" y="75993"/>
                    <a:pt x="507919" y="89364"/>
                    <a:pt x="491503" y="89364"/>
                  </a:cubicBezTo>
                  <a:close/>
                </a:path>
              </a:pathLst>
            </a:custGeom>
            <a:grpFill/>
            <a:ln w="6618" cap="flat">
              <a:noFill/>
              <a:prstDash val="solid"/>
              <a:miter/>
            </a:ln>
          </p:spPr>
          <p:txBody>
            <a:bodyPr rtlCol="0" anchor="ctr"/>
            <a:lstStyle/>
            <a:p>
              <a:endParaRPr lang="en-US"/>
            </a:p>
          </p:txBody>
        </p:sp>
        <p:sp>
          <p:nvSpPr>
            <p:cNvPr id="21" name="Freeform 20">
              <a:extLst>
                <a:ext uri="{FF2B5EF4-FFF2-40B4-BE49-F238E27FC236}">
                  <a16:creationId xmlns:a16="http://schemas.microsoft.com/office/drawing/2014/main" id="{B82AB71C-CDF8-0E44-925F-A31BE921B923}"/>
                </a:ext>
              </a:extLst>
            </p:cNvPr>
            <p:cNvSpPr/>
            <p:nvPr/>
          </p:nvSpPr>
          <p:spPr>
            <a:xfrm>
              <a:off x="4665180" y="2821909"/>
              <a:ext cx="932895" cy="500189"/>
            </a:xfrm>
            <a:custGeom>
              <a:avLst/>
              <a:gdLst>
                <a:gd name="connsiteX0" fmla="*/ 821819 w 932895"/>
                <a:gd name="connsiteY0" fmla="*/ 9812 h 500189"/>
                <a:gd name="connsiteX1" fmla="*/ 717760 w 932895"/>
                <a:gd name="connsiteY1" fmla="*/ 79450 h 500189"/>
                <a:gd name="connsiteX2" fmla="*/ 697570 w 932895"/>
                <a:gd name="connsiteY2" fmla="*/ 93616 h 500189"/>
                <a:gd name="connsiteX3" fmla="*/ 622372 w 932895"/>
                <a:gd name="connsiteY3" fmla="*/ 92755 h 500189"/>
                <a:gd name="connsiteX4" fmla="*/ 518312 w 932895"/>
                <a:gd name="connsiteY4" fmla="*/ 148161 h 500189"/>
                <a:gd name="connsiteX5" fmla="*/ 356994 w 932895"/>
                <a:gd name="connsiteY5" fmla="*/ 112879 h 500189"/>
                <a:gd name="connsiteX6" fmla="*/ 267894 w 932895"/>
                <a:gd name="connsiteY6" fmla="*/ 112879 h 500189"/>
                <a:gd name="connsiteX7" fmla="*/ 0 w 932895"/>
                <a:gd name="connsiteY7" fmla="*/ 372895 h 500189"/>
                <a:gd name="connsiteX8" fmla="*/ 0 w 932895"/>
                <a:gd name="connsiteY8" fmla="*/ 372895 h 500189"/>
                <a:gd name="connsiteX9" fmla="*/ 0 w 932895"/>
                <a:gd name="connsiteY9" fmla="*/ 426977 h 500189"/>
                <a:gd name="connsiteX10" fmla="*/ 331 w 932895"/>
                <a:gd name="connsiteY10" fmla="*/ 500190 h 500189"/>
                <a:gd name="connsiteX11" fmla="*/ 30119 w 932895"/>
                <a:gd name="connsiteY11" fmla="*/ 500057 h 500189"/>
                <a:gd name="connsiteX12" fmla="*/ 29854 w 932895"/>
                <a:gd name="connsiteY12" fmla="*/ 440547 h 500189"/>
                <a:gd name="connsiteX13" fmla="*/ 297682 w 932895"/>
                <a:gd name="connsiteY13" fmla="*/ 440547 h 500189"/>
                <a:gd name="connsiteX14" fmla="*/ 297682 w 932895"/>
                <a:gd name="connsiteY14" fmla="*/ 500123 h 500189"/>
                <a:gd name="connsiteX15" fmla="*/ 327470 w 932895"/>
                <a:gd name="connsiteY15" fmla="*/ 500123 h 500189"/>
                <a:gd name="connsiteX16" fmla="*/ 327470 w 932895"/>
                <a:gd name="connsiteY16" fmla="*/ 425653 h 500189"/>
                <a:gd name="connsiteX17" fmla="*/ 403992 w 932895"/>
                <a:gd name="connsiteY17" fmla="*/ 373094 h 500189"/>
                <a:gd name="connsiteX18" fmla="*/ 657323 w 932895"/>
                <a:gd name="connsiteY18" fmla="*/ 270358 h 500189"/>
                <a:gd name="connsiteX19" fmla="*/ 932564 w 932895"/>
                <a:gd name="connsiteY19" fmla="*/ 50059 h 500189"/>
                <a:gd name="connsiteX20" fmla="*/ 932896 w 932895"/>
                <a:gd name="connsiteY20" fmla="*/ 27089 h 500189"/>
                <a:gd name="connsiteX21" fmla="*/ 821819 w 932895"/>
                <a:gd name="connsiteY21" fmla="*/ 9812 h 500189"/>
                <a:gd name="connsiteX22" fmla="*/ 638193 w 932895"/>
                <a:gd name="connsiteY22" fmla="*/ 247455 h 500189"/>
                <a:gd name="connsiteX23" fmla="*/ 401212 w 932895"/>
                <a:gd name="connsiteY23" fmla="*/ 343372 h 500189"/>
                <a:gd name="connsiteX24" fmla="*/ 298543 w 932895"/>
                <a:gd name="connsiteY24" fmla="*/ 410693 h 500189"/>
                <a:gd name="connsiteX25" fmla="*/ 29854 w 932895"/>
                <a:gd name="connsiteY25" fmla="*/ 410693 h 500189"/>
                <a:gd name="connsiteX26" fmla="*/ 29854 w 932895"/>
                <a:gd name="connsiteY26" fmla="*/ 372829 h 500189"/>
                <a:gd name="connsiteX27" fmla="*/ 29854 w 932895"/>
                <a:gd name="connsiteY27" fmla="*/ 372829 h 500189"/>
                <a:gd name="connsiteX28" fmla="*/ 267960 w 932895"/>
                <a:gd name="connsiteY28" fmla="*/ 142600 h 500189"/>
                <a:gd name="connsiteX29" fmla="*/ 357324 w 932895"/>
                <a:gd name="connsiteY29" fmla="*/ 142600 h 500189"/>
                <a:gd name="connsiteX30" fmla="*/ 511428 w 932895"/>
                <a:gd name="connsiteY30" fmla="*/ 178148 h 500189"/>
                <a:gd name="connsiteX31" fmla="*/ 526851 w 932895"/>
                <a:gd name="connsiteY31" fmla="*/ 177883 h 500189"/>
                <a:gd name="connsiteX32" fmla="*/ 634419 w 932895"/>
                <a:gd name="connsiteY32" fmla="*/ 119962 h 500189"/>
                <a:gd name="connsiteX33" fmla="*/ 688634 w 932895"/>
                <a:gd name="connsiteY33" fmla="*/ 122345 h 500189"/>
                <a:gd name="connsiteX34" fmla="*/ 534861 w 932895"/>
                <a:gd name="connsiteY34" fmla="*/ 228589 h 500189"/>
                <a:gd name="connsiteX35" fmla="*/ 402006 w 932895"/>
                <a:gd name="connsiteY35" fmla="*/ 246859 h 500189"/>
                <a:gd name="connsiteX36" fmla="*/ 321314 w 932895"/>
                <a:gd name="connsiteY36" fmla="*/ 263077 h 500189"/>
                <a:gd name="connsiteX37" fmla="*/ 333693 w 932895"/>
                <a:gd name="connsiteY37" fmla="*/ 290151 h 500189"/>
                <a:gd name="connsiteX38" fmla="*/ 402006 w 932895"/>
                <a:gd name="connsiteY38" fmla="*/ 276581 h 500189"/>
                <a:gd name="connsiteX39" fmla="*/ 550616 w 932895"/>
                <a:gd name="connsiteY39" fmla="*/ 253743 h 500189"/>
                <a:gd name="connsiteX40" fmla="*/ 723122 w 932895"/>
                <a:gd name="connsiteY40" fmla="*/ 134591 h 500189"/>
                <a:gd name="connsiteX41" fmla="*/ 725174 w 932895"/>
                <a:gd name="connsiteY41" fmla="*/ 111820 h 500189"/>
                <a:gd name="connsiteX42" fmla="*/ 724445 w 932895"/>
                <a:gd name="connsiteY42" fmla="*/ 111091 h 500189"/>
                <a:gd name="connsiteX43" fmla="*/ 735037 w 932895"/>
                <a:gd name="connsiteY43" fmla="*/ 103678 h 500189"/>
                <a:gd name="connsiteX44" fmla="*/ 836779 w 932895"/>
                <a:gd name="connsiteY44" fmla="*/ 35562 h 500189"/>
                <a:gd name="connsiteX45" fmla="*/ 897812 w 932895"/>
                <a:gd name="connsiteY45" fmla="*/ 39600 h 500189"/>
                <a:gd name="connsiteX46" fmla="*/ 638193 w 932895"/>
                <a:gd name="connsiteY46" fmla="*/ 247455 h 500189"/>
                <a:gd name="connsiteX47" fmla="*/ 238106 w 932895"/>
                <a:gd name="connsiteY47" fmla="*/ 500057 h 500189"/>
                <a:gd name="connsiteX48" fmla="*/ 267894 w 932895"/>
                <a:gd name="connsiteY48" fmla="*/ 500057 h 500189"/>
                <a:gd name="connsiteX49" fmla="*/ 267894 w 932895"/>
                <a:gd name="connsiteY49" fmla="*/ 470269 h 500189"/>
                <a:gd name="connsiteX50" fmla="*/ 238106 w 932895"/>
                <a:gd name="connsiteY50" fmla="*/ 470269 h 500189"/>
                <a:gd name="connsiteX51" fmla="*/ 238106 w 932895"/>
                <a:gd name="connsiteY51" fmla="*/ 500057 h 5001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932895" h="500189">
                  <a:moveTo>
                    <a:pt x="821819" y="9812"/>
                  </a:moveTo>
                  <a:cubicBezTo>
                    <a:pt x="792230" y="26825"/>
                    <a:pt x="750924" y="55951"/>
                    <a:pt x="717760" y="79450"/>
                  </a:cubicBezTo>
                  <a:lnTo>
                    <a:pt x="697570" y="93616"/>
                  </a:lnTo>
                  <a:cubicBezTo>
                    <a:pt x="677711" y="84746"/>
                    <a:pt x="650968" y="80244"/>
                    <a:pt x="622372" y="92755"/>
                  </a:cubicBezTo>
                  <a:cubicBezTo>
                    <a:pt x="587950" y="107782"/>
                    <a:pt x="555382" y="125191"/>
                    <a:pt x="518312" y="148161"/>
                  </a:cubicBezTo>
                  <a:cubicBezTo>
                    <a:pt x="471777" y="123007"/>
                    <a:pt x="420277" y="111687"/>
                    <a:pt x="356994" y="112879"/>
                  </a:cubicBezTo>
                  <a:cubicBezTo>
                    <a:pt x="357258" y="112879"/>
                    <a:pt x="267894" y="112879"/>
                    <a:pt x="267894" y="112879"/>
                  </a:cubicBezTo>
                  <a:cubicBezTo>
                    <a:pt x="120212" y="112879"/>
                    <a:pt x="0" y="229515"/>
                    <a:pt x="0" y="372895"/>
                  </a:cubicBezTo>
                  <a:lnTo>
                    <a:pt x="0" y="372895"/>
                  </a:lnTo>
                  <a:lnTo>
                    <a:pt x="0" y="426977"/>
                  </a:lnTo>
                  <a:cubicBezTo>
                    <a:pt x="0" y="427043"/>
                    <a:pt x="331" y="500190"/>
                    <a:pt x="331" y="500190"/>
                  </a:cubicBezTo>
                  <a:lnTo>
                    <a:pt x="30119" y="500057"/>
                  </a:lnTo>
                  <a:lnTo>
                    <a:pt x="29854" y="440547"/>
                  </a:lnTo>
                  <a:lnTo>
                    <a:pt x="297682" y="440547"/>
                  </a:lnTo>
                  <a:lnTo>
                    <a:pt x="297682" y="500123"/>
                  </a:lnTo>
                  <a:lnTo>
                    <a:pt x="327470" y="500123"/>
                  </a:lnTo>
                  <a:lnTo>
                    <a:pt x="327470" y="425653"/>
                  </a:lnTo>
                  <a:cubicBezTo>
                    <a:pt x="327470" y="382229"/>
                    <a:pt x="344615" y="378721"/>
                    <a:pt x="403992" y="373094"/>
                  </a:cubicBezTo>
                  <a:cubicBezTo>
                    <a:pt x="464760" y="367335"/>
                    <a:pt x="556573" y="358663"/>
                    <a:pt x="657323" y="270358"/>
                  </a:cubicBezTo>
                  <a:cubicBezTo>
                    <a:pt x="656793" y="270756"/>
                    <a:pt x="932564" y="50059"/>
                    <a:pt x="932564" y="50059"/>
                  </a:cubicBezTo>
                  <a:lnTo>
                    <a:pt x="932896" y="27089"/>
                  </a:lnTo>
                  <a:cubicBezTo>
                    <a:pt x="910852" y="8290"/>
                    <a:pt x="861206" y="-12827"/>
                    <a:pt x="821819" y="9812"/>
                  </a:cubicBezTo>
                  <a:close/>
                  <a:moveTo>
                    <a:pt x="638193" y="247455"/>
                  </a:moveTo>
                  <a:cubicBezTo>
                    <a:pt x="544195" y="329868"/>
                    <a:pt x="461583" y="337679"/>
                    <a:pt x="401212" y="343372"/>
                  </a:cubicBezTo>
                  <a:cubicBezTo>
                    <a:pt x="349778" y="348205"/>
                    <a:pt x="304897" y="352573"/>
                    <a:pt x="298543" y="410693"/>
                  </a:cubicBezTo>
                  <a:lnTo>
                    <a:pt x="29854" y="410693"/>
                  </a:lnTo>
                  <a:cubicBezTo>
                    <a:pt x="29854" y="394740"/>
                    <a:pt x="29854" y="372829"/>
                    <a:pt x="29854" y="372829"/>
                  </a:cubicBezTo>
                  <a:lnTo>
                    <a:pt x="29854" y="372829"/>
                  </a:lnTo>
                  <a:cubicBezTo>
                    <a:pt x="29854" y="245866"/>
                    <a:pt x="136628" y="142600"/>
                    <a:pt x="267960" y="142600"/>
                  </a:cubicBezTo>
                  <a:lnTo>
                    <a:pt x="357324" y="142600"/>
                  </a:lnTo>
                  <a:cubicBezTo>
                    <a:pt x="418820" y="141475"/>
                    <a:pt x="467672" y="152729"/>
                    <a:pt x="511428" y="178148"/>
                  </a:cubicBezTo>
                  <a:lnTo>
                    <a:pt x="526851" y="177883"/>
                  </a:lnTo>
                  <a:cubicBezTo>
                    <a:pt x="565907" y="153325"/>
                    <a:pt x="599071" y="135452"/>
                    <a:pt x="634419" y="119962"/>
                  </a:cubicBezTo>
                  <a:cubicBezTo>
                    <a:pt x="655602" y="110694"/>
                    <a:pt x="675196" y="115527"/>
                    <a:pt x="688634" y="122345"/>
                  </a:cubicBezTo>
                  <a:lnTo>
                    <a:pt x="534861" y="228589"/>
                  </a:lnTo>
                  <a:cubicBezTo>
                    <a:pt x="502359" y="246859"/>
                    <a:pt x="441989" y="246859"/>
                    <a:pt x="402006" y="246859"/>
                  </a:cubicBezTo>
                  <a:cubicBezTo>
                    <a:pt x="357457" y="246859"/>
                    <a:pt x="322770" y="262415"/>
                    <a:pt x="321314" y="263077"/>
                  </a:cubicBezTo>
                  <a:lnTo>
                    <a:pt x="333693" y="290151"/>
                  </a:lnTo>
                  <a:cubicBezTo>
                    <a:pt x="334090" y="289952"/>
                    <a:pt x="364209" y="276581"/>
                    <a:pt x="402006" y="276581"/>
                  </a:cubicBezTo>
                  <a:cubicBezTo>
                    <a:pt x="445100" y="276581"/>
                    <a:pt x="510170" y="276581"/>
                    <a:pt x="550616" y="253743"/>
                  </a:cubicBezTo>
                  <a:cubicBezTo>
                    <a:pt x="551741" y="253015"/>
                    <a:pt x="723122" y="134591"/>
                    <a:pt x="723122" y="134591"/>
                  </a:cubicBezTo>
                  <a:lnTo>
                    <a:pt x="725174" y="111820"/>
                  </a:lnTo>
                  <a:cubicBezTo>
                    <a:pt x="724909" y="111555"/>
                    <a:pt x="724644" y="111356"/>
                    <a:pt x="724445" y="111091"/>
                  </a:cubicBezTo>
                  <a:lnTo>
                    <a:pt x="735037" y="103678"/>
                  </a:lnTo>
                  <a:cubicBezTo>
                    <a:pt x="767737" y="80575"/>
                    <a:pt x="808381" y="51846"/>
                    <a:pt x="836779" y="35562"/>
                  </a:cubicBezTo>
                  <a:cubicBezTo>
                    <a:pt x="856175" y="24441"/>
                    <a:pt x="880733" y="30995"/>
                    <a:pt x="897812" y="39600"/>
                  </a:cubicBezTo>
                  <a:lnTo>
                    <a:pt x="638193" y="247455"/>
                  </a:lnTo>
                  <a:close/>
                  <a:moveTo>
                    <a:pt x="238106" y="500057"/>
                  </a:moveTo>
                  <a:lnTo>
                    <a:pt x="267894" y="500057"/>
                  </a:lnTo>
                  <a:lnTo>
                    <a:pt x="267894" y="470269"/>
                  </a:lnTo>
                  <a:lnTo>
                    <a:pt x="238106" y="470269"/>
                  </a:lnTo>
                  <a:lnTo>
                    <a:pt x="238106" y="500057"/>
                  </a:lnTo>
                  <a:close/>
                </a:path>
              </a:pathLst>
            </a:custGeom>
            <a:grpFill/>
            <a:ln w="6618" cap="flat">
              <a:noFill/>
              <a:prstDash val="solid"/>
              <a:miter/>
            </a:ln>
          </p:spPr>
          <p:txBody>
            <a:bodyPr rtlCol="0" anchor="ctr"/>
            <a:lstStyle/>
            <a:p>
              <a:endParaRPr lang="en-US"/>
            </a:p>
          </p:txBody>
        </p:sp>
      </p:grpSp>
      <p:grpSp>
        <p:nvGrpSpPr>
          <p:cNvPr id="22" name="Graphic 1">
            <a:extLst>
              <a:ext uri="{FF2B5EF4-FFF2-40B4-BE49-F238E27FC236}">
                <a16:creationId xmlns:a16="http://schemas.microsoft.com/office/drawing/2014/main" id="{5DCD63E3-E847-D9CA-E82B-602090807200}"/>
              </a:ext>
            </a:extLst>
          </p:cNvPr>
          <p:cNvGrpSpPr/>
          <p:nvPr/>
        </p:nvGrpSpPr>
        <p:grpSpPr>
          <a:xfrm>
            <a:off x="3861466" y="4851176"/>
            <a:ext cx="1312532" cy="1070930"/>
            <a:chOff x="8555167" y="3024285"/>
            <a:chExt cx="953217" cy="848959"/>
          </a:xfrm>
          <a:solidFill>
            <a:schemeClr val="bg1"/>
          </a:solidFill>
        </p:grpSpPr>
        <p:sp>
          <p:nvSpPr>
            <p:cNvPr id="23" name="Freeform 22">
              <a:extLst>
                <a:ext uri="{FF2B5EF4-FFF2-40B4-BE49-F238E27FC236}">
                  <a16:creationId xmlns:a16="http://schemas.microsoft.com/office/drawing/2014/main" id="{B499A1C3-9E49-23D7-6A6F-4DD3172067B7}"/>
                </a:ext>
              </a:extLst>
            </p:cNvPr>
            <p:cNvSpPr/>
            <p:nvPr/>
          </p:nvSpPr>
          <p:spPr>
            <a:xfrm>
              <a:off x="8555167" y="3024285"/>
              <a:ext cx="953217" cy="848959"/>
            </a:xfrm>
            <a:custGeom>
              <a:avLst/>
              <a:gdLst>
                <a:gd name="connsiteX0" fmla="*/ 908535 w 953217"/>
                <a:gd name="connsiteY0" fmla="*/ 0 h 848959"/>
                <a:gd name="connsiteX1" fmla="*/ 44682 w 953217"/>
                <a:gd name="connsiteY1" fmla="*/ 0 h 848959"/>
                <a:gd name="connsiteX2" fmla="*/ 13107 w 953217"/>
                <a:gd name="connsiteY2" fmla="*/ 13107 h 848959"/>
                <a:gd name="connsiteX3" fmla="*/ 0 w 953217"/>
                <a:gd name="connsiteY3" fmla="*/ 44682 h 848959"/>
                <a:gd name="connsiteX4" fmla="*/ 0 w 953217"/>
                <a:gd name="connsiteY4" fmla="*/ 670231 h 848959"/>
                <a:gd name="connsiteX5" fmla="*/ 13107 w 953217"/>
                <a:gd name="connsiteY5" fmla="*/ 701806 h 848959"/>
                <a:gd name="connsiteX6" fmla="*/ 44682 w 953217"/>
                <a:gd name="connsiteY6" fmla="*/ 714913 h 848959"/>
                <a:gd name="connsiteX7" fmla="*/ 908535 w 953217"/>
                <a:gd name="connsiteY7" fmla="*/ 714913 h 848959"/>
                <a:gd name="connsiteX8" fmla="*/ 953217 w 953217"/>
                <a:gd name="connsiteY8" fmla="*/ 670231 h 848959"/>
                <a:gd name="connsiteX9" fmla="*/ 953217 w 953217"/>
                <a:gd name="connsiteY9" fmla="*/ 44682 h 848959"/>
                <a:gd name="connsiteX10" fmla="*/ 908535 w 953217"/>
                <a:gd name="connsiteY10" fmla="*/ 0 h 848959"/>
                <a:gd name="connsiteX11" fmla="*/ 923429 w 953217"/>
                <a:gd name="connsiteY11" fmla="*/ 670231 h 848959"/>
                <a:gd name="connsiteX12" fmla="*/ 908535 w 953217"/>
                <a:gd name="connsiteY12" fmla="*/ 685125 h 848959"/>
                <a:gd name="connsiteX13" fmla="*/ 44682 w 953217"/>
                <a:gd name="connsiteY13" fmla="*/ 685125 h 848959"/>
                <a:gd name="connsiteX14" fmla="*/ 34157 w 953217"/>
                <a:gd name="connsiteY14" fmla="*/ 680756 h 848959"/>
                <a:gd name="connsiteX15" fmla="*/ 29788 w 953217"/>
                <a:gd name="connsiteY15" fmla="*/ 670231 h 848959"/>
                <a:gd name="connsiteX16" fmla="*/ 29788 w 953217"/>
                <a:gd name="connsiteY16" fmla="*/ 625549 h 848959"/>
                <a:gd name="connsiteX17" fmla="*/ 923429 w 953217"/>
                <a:gd name="connsiteY17" fmla="*/ 625549 h 848959"/>
                <a:gd name="connsiteX18" fmla="*/ 923429 w 953217"/>
                <a:gd name="connsiteY18" fmla="*/ 670231 h 848959"/>
                <a:gd name="connsiteX19" fmla="*/ 923429 w 953217"/>
                <a:gd name="connsiteY19" fmla="*/ 595761 h 848959"/>
                <a:gd name="connsiteX20" fmla="*/ 29788 w 953217"/>
                <a:gd name="connsiteY20" fmla="*/ 595761 h 848959"/>
                <a:gd name="connsiteX21" fmla="*/ 29788 w 953217"/>
                <a:gd name="connsiteY21" fmla="*/ 89364 h 848959"/>
                <a:gd name="connsiteX22" fmla="*/ 923429 w 953217"/>
                <a:gd name="connsiteY22" fmla="*/ 89364 h 848959"/>
                <a:gd name="connsiteX23" fmla="*/ 923429 w 953217"/>
                <a:gd name="connsiteY23" fmla="*/ 595761 h 848959"/>
                <a:gd name="connsiteX24" fmla="*/ 923429 w 953217"/>
                <a:gd name="connsiteY24" fmla="*/ 59576 h 848959"/>
                <a:gd name="connsiteX25" fmla="*/ 29788 w 953217"/>
                <a:gd name="connsiteY25" fmla="*/ 59576 h 848959"/>
                <a:gd name="connsiteX26" fmla="*/ 29788 w 953217"/>
                <a:gd name="connsiteY26" fmla="*/ 44682 h 848959"/>
                <a:gd name="connsiteX27" fmla="*/ 34157 w 953217"/>
                <a:gd name="connsiteY27" fmla="*/ 34157 h 848959"/>
                <a:gd name="connsiteX28" fmla="*/ 44682 w 953217"/>
                <a:gd name="connsiteY28" fmla="*/ 29788 h 848959"/>
                <a:gd name="connsiteX29" fmla="*/ 908535 w 953217"/>
                <a:gd name="connsiteY29" fmla="*/ 29788 h 848959"/>
                <a:gd name="connsiteX30" fmla="*/ 923429 w 953217"/>
                <a:gd name="connsiteY30" fmla="*/ 44682 h 848959"/>
                <a:gd name="connsiteX31" fmla="*/ 923429 w 953217"/>
                <a:gd name="connsiteY31" fmla="*/ 59576 h 848959"/>
                <a:gd name="connsiteX32" fmla="*/ 893641 w 953217"/>
                <a:gd name="connsiteY32" fmla="*/ 640443 h 848959"/>
                <a:gd name="connsiteX33" fmla="*/ 863853 w 953217"/>
                <a:gd name="connsiteY33" fmla="*/ 640443 h 848959"/>
                <a:gd name="connsiteX34" fmla="*/ 863853 w 953217"/>
                <a:gd name="connsiteY34" fmla="*/ 670231 h 848959"/>
                <a:gd name="connsiteX35" fmla="*/ 893641 w 953217"/>
                <a:gd name="connsiteY35" fmla="*/ 670231 h 848959"/>
                <a:gd name="connsiteX36" fmla="*/ 893641 w 953217"/>
                <a:gd name="connsiteY36" fmla="*/ 640443 h 848959"/>
                <a:gd name="connsiteX37" fmla="*/ 580867 w 953217"/>
                <a:gd name="connsiteY37" fmla="*/ 729807 h 848959"/>
                <a:gd name="connsiteX38" fmla="*/ 551079 w 953217"/>
                <a:gd name="connsiteY38" fmla="*/ 729807 h 848959"/>
                <a:gd name="connsiteX39" fmla="*/ 551079 w 953217"/>
                <a:gd name="connsiteY39" fmla="*/ 819171 h 848959"/>
                <a:gd name="connsiteX40" fmla="*/ 402139 w 953217"/>
                <a:gd name="connsiteY40" fmla="*/ 819171 h 848959"/>
                <a:gd name="connsiteX41" fmla="*/ 402139 w 953217"/>
                <a:gd name="connsiteY41" fmla="*/ 729807 h 848959"/>
                <a:gd name="connsiteX42" fmla="*/ 372351 w 953217"/>
                <a:gd name="connsiteY42" fmla="*/ 729807 h 848959"/>
                <a:gd name="connsiteX43" fmla="*/ 372351 w 953217"/>
                <a:gd name="connsiteY43" fmla="*/ 819171 h 848959"/>
                <a:gd name="connsiteX44" fmla="*/ 282986 w 953217"/>
                <a:gd name="connsiteY44" fmla="*/ 819171 h 848959"/>
                <a:gd name="connsiteX45" fmla="*/ 282986 w 953217"/>
                <a:gd name="connsiteY45" fmla="*/ 848959 h 848959"/>
                <a:gd name="connsiteX46" fmla="*/ 670231 w 953217"/>
                <a:gd name="connsiteY46" fmla="*/ 848959 h 848959"/>
                <a:gd name="connsiteX47" fmla="*/ 670231 w 953217"/>
                <a:gd name="connsiteY47" fmla="*/ 819171 h 848959"/>
                <a:gd name="connsiteX48" fmla="*/ 580867 w 953217"/>
                <a:gd name="connsiteY48" fmla="*/ 819171 h 848959"/>
                <a:gd name="connsiteX49" fmla="*/ 580867 w 953217"/>
                <a:gd name="connsiteY49" fmla="*/ 729807 h 8489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Lst>
              <a:rect l="l" t="t" r="r" b="b"/>
              <a:pathLst>
                <a:path w="953217" h="848959">
                  <a:moveTo>
                    <a:pt x="908535" y="0"/>
                  </a:moveTo>
                  <a:lnTo>
                    <a:pt x="44682" y="0"/>
                  </a:lnTo>
                  <a:cubicBezTo>
                    <a:pt x="32767" y="0"/>
                    <a:pt x="21580" y="4634"/>
                    <a:pt x="13107" y="13107"/>
                  </a:cubicBezTo>
                  <a:cubicBezTo>
                    <a:pt x="4633" y="21580"/>
                    <a:pt x="0" y="32767"/>
                    <a:pt x="0" y="44682"/>
                  </a:cubicBezTo>
                  <a:lnTo>
                    <a:pt x="0" y="670231"/>
                  </a:lnTo>
                  <a:cubicBezTo>
                    <a:pt x="0" y="682146"/>
                    <a:pt x="4633" y="693333"/>
                    <a:pt x="13107" y="701806"/>
                  </a:cubicBezTo>
                  <a:cubicBezTo>
                    <a:pt x="21580" y="710279"/>
                    <a:pt x="32767" y="714913"/>
                    <a:pt x="44682" y="714913"/>
                  </a:cubicBezTo>
                  <a:lnTo>
                    <a:pt x="908535" y="714913"/>
                  </a:lnTo>
                  <a:cubicBezTo>
                    <a:pt x="933160" y="714913"/>
                    <a:pt x="953217" y="694856"/>
                    <a:pt x="953217" y="670231"/>
                  </a:cubicBezTo>
                  <a:lnTo>
                    <a:pt x="953217" y="44682"/>
                  </a:lnTo>
                  <a:cubicBezTo>
                    <a:pt x="953217" y="19991"/>
                    <a:pt x="933226" y="0"/>
                    <a:pt x="908535" y="0"/>
                  </a:cubicBezTo>
                  <a:close/>
                  <a:moveTo>
                    <a:pt x="923429" y="670231"/>
                  </a:moveTo>
                  <a:cubicBezTo>
                    <a:pt x="923429" y="678439"/>
                    <a:pt x="916744" y="685125"/>
                    <a:pt x="908535" y="685125"/>
                  </a:cubicBezTo>
                  <a:lnTo>
                    <a:pt x="44682" y="685125"/>
                  </a:lnTo>
                  <a:cubicBezTo>
                    <a:pt x="40777" y="685125"/>
                    <a:pt x="37003" y="683536"/>
                    <a:pt x="34157" y="680756"/>
                  </a:cubicBezTo>
                  <a:cubicBezTo>
                    <a:pt x="31310" y="677909"/>
                    <a:pt x="29788" y="674203"/>
                    <a:pt x="29788" y="670231"/>
                  </a:cubicBezTo>
                  <a:lnTo>
                    <a:pt x="29788" y="625549"/>
                  </a:lnTo>
                  <a:lnTo>
                    <a:pt x="923429" y="625549"/>
                  </a:lnTo>
                  <a:lnTo>
                    <a:pt x="923429" y="670231"/>
                  </a:lnTo>
                  <a:close/>
                  <a:moveTo>
                    <a:pt x="923429" y="595761"/>
                  </a:moveTo>
                  <a:lnTo>
                    <a:pt x="29788" y="595761"/>
                  </a:lnTo>
                  <a:lnTo>
                    <a:pt x="29788" y="89364"/>
                  </a:lnTo>
                  <a:lnTo>
                    <a:pt x="923429" y="89364"/>
                  </a:lnTo>
                  <a:lnTo>
                    <a:pt x="923429" y="595761"/>
                  </a:lnTo>
                  <a:close/>
                  <a:moveTo>
                    <a:pt x="923429" y="59576"/>
                  </a:moveTo>
                  <a:lnTo>
                    <a:pt x="29788" y="59576"/>
                  </a:lnTo>
                  <a:lnTo>
                    <a:pt x="29788" y="44682"/>
                  </a:lnTo>
                  <a:cubicBezTo>
                    <a:pt x="29788" y="40710"/>
                    <a:pt x="31310" y="37004"/>
                    <a:pt x="34157" y="34157"/>
                  </a:cubicBezTo>
                  <a:cubicBezTo>
                    <a:pt x="37003" y="31310"/>
                    <a:pt x="40710" y="29788"/>
                    <a:pt x="44682" y="29788"/>
                  </a:cubicBezTo>
                  <a:lnTo>
                    <a:pt x="908535" y="29788"/>
                  </a:lnTo>
                  <a:cubicBezTo>
                    <a:pt x="916744" y="29788"/>
                    <a:pt x="923429" y="36474"/>
                    <a:pt x="923429" y="44682"/>
                  </a:cubicBezTo>
                  <a:lnTo>
                    <a:pt x="923429" y="59576"/>
                  </a:lnTo>
                  <a:close/>
                  <a:moveTo>
                    <a:pt x="893641" y="640443"/>
                  </a:moveTo>
                  <a:lnTo>
                    <a:pt x="863853" y="640443"/>
                  </a:lnTo>
                  <a:lnTo>
                    <a:pt x="863853" y="670231"/>
                  </a:lnTo>
                  <a:lnTo>
                    <a:pt x="893641" y="670231"/>
                  </a:lnTo>
                  <a:lnTo>
                    <a:pt x="893641" y="640443"/>
                  </a:lnTo>
                  <a:close/>
                  <a:moveTo>
                    <a:pt x="580867" y="729807"/>
                  </a:moveTo>
                  <a:lnTo>
                    <a:pt x="551079" y="729807"/>
                  </a:lnTo>
                  <a:lnTo>
                    <a:pt x="551079" y="819171"/>
                  </a:lnTo>
                  <a:lnTo>
                    <a:pt x="402139" y="819171"/>
                  </a:lnTo>
                  <a:lnTo>
                    <a:pt x="402139" y="729807"/>
                  </a:lnTo>
                  <a:lnTo>
                    <a:pt x="372351" y="729807"/>
                  </a:lnTo>
                  <a:lnTo>
                    <a:pt x="372351" y="819171"/>
                  </a:lnTo>
                  <a:lnTo>
                    <a:pt x="282986" y="819171"/>
                  </a:lnTo>
                  <a:lnTo>
                    <a:pt x="282986" y="848959"/>
                  </a:lnTo>
                  <a:lnTo>
                    <a:pt x="670231" y="848959"/>
                  </a:lnTo>
                  <a:lnTo>
                    <a:pt x="670231" y="819171"/>
                  </a:lnTo>
                  <a:lnTo>
                    <a:pt x="580867" y="819171"/>
                  </a:lnTo>
                  <a:lnTo>
                    <a:pt x="580867" y="729807"/>
                  </a:lnTo>
                  <a:close/>
                </a:path>
              </a:pathLst>
            </a:custGeom>
            <a:grpFill/>
            <a:ln w="6618" cap="flat">
              <a:noFill/>
              <a:prstDash val="solid"/>
              <a:miter/>
            </a:ln>
          </p:spPr>
          <p:txBody>
            <a:bodyPr rtlCol="0" anchor="ctr"/>
            <a:lstStyle/>
            <a:p>
              <a:endParaRPr lang="en-US"/>
            </a:p>
          </p:txBody>
        </p:sp>
        <p:sp>
          <p:nvSpPr>
            <p:cNvPr id="24" name="Freeform 23">
              <a:extLst>
                <a:ext uri="{FF2B5EF4-FFF2-40B4-BE49-F238E27FC236}">
                  <a16:creationId xmlns:a16="http://schemas.microsoft.com/office/drawing/2014/main" id="{F47D69CD-2ED0-CD64-7B5C-0BF201818599}"/>
                </a:ext>
              </a:extLst>
            </p:cNvPr>
            <p:cNvSpPr/>
            <p:nvPr/>
          </p:nvSpPr>
          <p:spPr>
            <a:xfrm>
              <a:off x="8897730" y="3173225"/>
              <a:ext cx="268092" cy="357456"/>
            </a:xfrm>
            <a:custGeom>
              <a:avLst/>
              <a:gdLst>
                <a:gd name="connsiteX0" fmla="*/ 228838 w 268092"/>
                <a:gd name="connsiteY0" fmla="*/ 128618 h 357456"/>
                <a:gd name="connsiteX1" fmla="*/ 134046 w 268092"/>
                <a:gd name="connsiteY1" fmla="*/ 89364 h 357456"/>
                <a:gd name="connsiteX2" fmla="*/ 39254 w 268092"/>
                <a:gd name="connsiteY2" fmla="*/ 128618 h 357456"/>
                <a:gd name="connsiteX3" fmla="*/ 0 w 268092"/>
                <a:gd name="connsiteY3" fmla="*/ 223410 h 357456"/>
                <a:gd name="connsiteX4" fmla="*/ 39254 w 268092"/>
                <a:gd name="connsiteY4" fmla="*/ 318203 h 357456"/>
                <a:gd name="connsiteX5" fmla="*/ 134046 w 268092"/>
                <a:gd name="connsiteY5" fmla="*/ 357457 h 357456"/>
                <a:gd name="connsiteX6" fmla="*/ 268092 w 268092"/>
                <a:gd name="connsiteY6" fmla="*/ 223410 h 357456"/>
                <a:gd name="connsiteX7" fmla="*/ 228838 w 268092"/>
                <a:gd name="connsiteY7" fmla="*/ 128618 h 357456"/>
                <a:gd name="connsiteX8" fmla="*/ 134046 w 268092"/>
                <a:gd name="connsiteY8" fmla="*/ 327668 h 357456"/>
                <a:gd name="connsiteX9" fmla="*/ 60304 w 268092"/>
                <a:gd name="connsiteY9" fmla="*/ 297152 h 357456"/>
                <a:gd name="connsiteX10" fmla="*/ 29788 w 268092"/>
                <a:gd name="connsiteY10" fmla="*/ 223410 h 357456"/>
                <a:gd name="connsiteX11" fmla="*/ 60304 w 268092"/>
                <a:gd name="connsiteY11" fmla="*/ 149668 h 357456"/>
                <a:gd name="connsiteX12" fmla="*/ 134046 w 268092"/>
                <a:gd name="connsiteY12" fmla="*/ 119152 h 357456"/>
                <a:gd name="connsiteX13" fmla="*/ 207788 w 268092"/>
                <a:gd name="connsiteY13" fmla="*/ 149668 h 357456"/>
                <a:gd name="connsiteX14" fmla="*/ 238304 w 268092"/>
                <a:gd name="connsiteY14" fmla="*/ 223410 h 357456"/>
                <a:gd name="connsiteX15" fmla="*/ 134046 w 268092"/>
                <a:gd name="connsiteY15" fmla="*/ 327668 h 357456"/>
                <a:gd name="connsiteX16" fmla="*/ 119152 w 268092"/>
                <a:gd name="connsiteY16" fmla="*/ 232148 h 357456"/>
                <a:gd name="connsiteX17" fmla="*/ 84995 w 268092"/>
                <a:gd name="connsiteY17" fmla="*/ 197991 h 357456"/>
                <a:gd name="connsiteX18" fmla="*/ 63945 w 268092"/>
                <a:gd name="connsiteY18" fmla="*/ 219042 h 357456"/>
                <a:gd name="connsiteX19" fmla="*/ 119152 w 268092"/>
                <a:gd name="connsiteY19" fmla="*/ 274249 h 357456"/>
                <a:gd name="connsiteX20" fmla="*/ 204147 w 268092"/>
                <a:gd name="connsiteY20" fmla="*/ 189254 h 357456"/>
                <a:gd name="connsiteX21" fmla="*/ 183097 w 268092"/>
                <a:gd name="connsiteY21" fmla="*/ 168203 h 357456"/>
                <a:gd name="connsiteX22" fmla="*/ 119152 w 268092"/>
                <a:gd name="connsiteY22" fmla="*/ 232148 h 357456"/>
                <a:gd name="connsiteX23" fmla="*/ 148940 w 268092"/>
                <a:gd name="connsiteY23" fmla="*/ 0 h 357456"/>
                <a:gd name="connsiteX24" fmla="*/ 119152 w 268092"/>
                <a:gd name="connsiteY24" fmla="*/ 0 h 357456"/>
                <a:gd name="connsiteX25" fmla="*/ 119152 w 268092"/>
                <a:gd name="connsiteY25" fmla="*/ 29788 h 357456"/>
                <a:gd name="connsiteX26" fmla="*/ 148940 w 268092"/>
                <a:gd name="connsiteY26" fmla="*/ 29788 h 357456"/>
                <a:gd name="connsiteX27" fmla="*/ 148940 w 268092"/>
                <a:gd name="connsiteY27" fmla="*/ 0 h 357456"/>
                <a:gd name="connsiteX28" fmla="*/ 89364 w 268092"/>
                <a:gd name="connsiteY28" fmla="*/ 0 h 357456"/>
                <a:gd name="connsiteX29" fmla="*/ 59576 w 268092"/>
                <a:gd name="connsiteY29" fmla="*/ 0 h 357456"/>
                <a:gd name="connsiteX30" fmla="*/ 59576 w 268092"/>
                <a:gd name="connsiteY30" fmla="*/ 29788 h 357456"/>
                <a:gd name="connsiteX31" fmla="*/ 89364 w 268092"/>
                <a:gd name="connsiteY31" fmla="*/ 29788 h 357456"/>
                <a:gd name="connsiteX32" fmla="*/ 89364 w 268092"/>
                <a:gd name="connsiteY32" fmla="*/ 0 h 357456"/>
                <a:gd name="connsiteX33" fmla="*/ 208516 w 268092"/>
                <a:gd name="connsiteY33" fmla="*/ 0 h 357456"/>
                <a:gd name="connsiteX34" fmla="*/ 178728 w 268092"/>
                <a:gd name="connsiteY34" fmla="*/ 0 h 357456"/>
                <a:gd name="connsiteX35" fmla="*/ 178728 w 268092"/>
                <a:gd name="connsiteY35" fmla="*/ 29788 h 357456"/>
                <a:gd name="connsiteX36" fmla="*/ 208516 w 268092"/>
                <a:gd name="connsiteY36" fmla="*/ 29788 h 357456"/>
                <a:gd name="connsiteX37" fmla="*/ 208516 w 268092"/>
                <a:gd name="connsiteY37" fmla="*/ 0 h 357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268092" h="357456">
                  <a:moveTo>
                    <a:pt x="228838" y="128618"/>
                  </a:moveTo>
                  <a:cubicBezTo>
                    <a:pt x="203485" y="103265"/>
                    <a:pt x="169858" y="89364"/>
                    <a:pt x="134046" y="89364"/>
                  </a:cubicBezTo>
                  <a:cubicBezTo>
                    <a:pt x="98234" y="89364"/>
                    <a:pt x="64607" y="103265"/>
                    <a:pt x="39254" y="128618"/>
                  </a:cubicBezTo>
                  <a:cubicBezTo>
                    <a:pt x="13967" y="153905"/>
                    <a:pt x="0" y="187599"/>
                    <a:pt x="0" y="223410"/>
                  </a:cubicBezTo>
                  <a:cubicBezTo>
                    <a:pt x="0" y="259222"/>
                    <a:pt x="13967" y="292849"/>
                    <a:pt x="39254" y="318203"/>
                  </a:cubicBezTo>
                  <a:cubicBezTo>
                    <a:pt x="64607" y="343489"/>
                    <a:pt x="98234" y="357457"/>
                    <a:pt x="134046" y="357457"/>
                  </a:cubicBezTo>
                  <a:cubicBezTo>
                    <a:pt x="207987" y="357457"/>
                    <a:pt x="268092" y="297351"/>
                    <a:pt x="268092" y="223410"/>
                  </a:cubicBezTo>
                  <a:cubicBezTo>
                    <a:pt x="268092" y="187599"/>
                    <a:pt x="254191" y="153905"/>
                    <a:pt x="228838" y="128618"/>
                  </a:cubicBezTo>
                  <a:close/>
                  <a:moveTo>
                    <a:pt x="134046" y="327668"/>
                  </a:moveTo>
                  <a:cubicBezTo>
                    <a:pt x="106178" y="327668"/>
                    <a:pt x="80030" y="316812"/>
                    <a:pt x="60304" y="297152"/>
                  </a:cubicBezTo>
                  <a:cubicBezTo>
                    <a:pt x="40644" y="277492"/>
                    <a:pt x="29788" y="251279"/>
                    <a:pt x="29788" y="223410"/>
                  </a:cubicBezTo>
                  <a:cubicBezTo>
                    <a:pt x="29788" y="195542"/>
                    <a:pt x="40644" y="169395"/>
                    <a:pt x="60304" y="149668"/>
                  </a:cubicBezTo>
                  <a:cubicBezTo>
                    <a:pt x="80030" y="129942"/>
                    <a:pt x="106178" y="119152"/>
                    <a:pt x="134046" y="119152"/>
                  </a:cubicBezTo>
                  <a:cubicBezTo>
                    <a:pt x="161914" y="119152"/>
                    <a:pt x="188062" y="130008"/>
                    <a:pt x="207788" y="149668"/>
                  </a:cubicBezTo>
                  <a:cubicBezTo>
                    <a:pt x="227448" y="169395"/>
                    <a:pt x="238304" y="195542"/>
                    <a:pt x="238304" y="223410"/>
                  </a:cubicBezTo>
                  <a:cubicBezTo>
                    <a:pt x="238304" y="280868"/>
                    <a:pt x="191570" y="327668"/>
                    <a:pt x="134046" y="327668"/>
                  </a:cubicBezTo>
                  <a:close/>
                  <a:moveTo>
                    <a:pt x="119152" y="232148"/>
                  </a:moveTo>
                  <a:lnTo>
                    <a:pt x="84995" y="197991"/>
                  </a:lnTo>
                  <a:lnTo>
                    <a:pt x="63945" y="219042"/>
                  </a:lnTo>
                  <a:lnTo>
                    <a:pt x="119152" y="274249"/>
                  </a:lnTo>
                  <a:lnTo>
                    <a:pt x="204147" y="189254"/>
                  </a:lnTo>
                  <a:lnTo>
                    <a:pt x="183097" y="168203"/>
                  </a:lnTo>
                  <a:lnTo>
                    <a:pt x="119152" y="232148"/>
                  </a:lnTo>
                  <a:close/>
                  <a:moveTo>
                    <a:pt x="148940" y="0"/>
                  </a:moveTo>
                  <a:lnTo>
                    <a:pt x="119152" y="0"/>
                  </a:lnTo>
                  <a:lnTo>
                    <a:pt x="119152" y="29788"/>
                  </a:lnTo>
                  <a:lnTo>
                    <a:pt x="148940" y="29788"/>
                  </a:lnTo>
                  <a:lnTo>
                    <a:pt x="148940" y="0"/>
                  </a:lnTo>
                  <a:close/>
                  <a:moveTo>
                    <a:pt x="89364" y="0"/>
                  </a:moveTo>
                  <a:lnTo>
                    <a:pt x="59576" y="0"/>
                  </a:lnTo>
                  <a:lnTo>
                    <a:pt x="59576" y="29788"/>
                  </a:lnTo>
                  <a:lnTo>
                    <a:pt x="89364" y="29788"/>
                  </a:lnTo>
                  <a:lnTo>
                    <a:pt x="89364" y="0"/>
                  </a:lnTo>
                  <a:close/>
                  <a:moveTo>
                    <a:pt x="208516" y="0"/>
                  </a:moveTo>
                  <a:lnTo>
                    <a:pt x="178728" y="0"/>
                  </a:lnTo>
                  <a:lnTo>
                    <a:pt x="178728" y="29788"/>
                  </a:lnTo>
                  <a:lnTo>
                    <a:pt x="208516" y="29788"/>
                  </a:lnTo>
                  <a:lnTo>
                    <a:pt x="208516" y="0"/>
                  </a:lnTo>
                  <a:close/>
                </a:path>
              </a:pathLst>
            </a:custGeom>
            <a:grpFill/>
            <a:ln w="6618" cap="flat">
              <a:noFill/>
              <a:prstDash val="solid"/>
              <a:miter/>
            </a:ln>
          </p:spPr>
          <p:txBody>
            <a:bodyPr rtlCol="0" anchor="ctr"/>
            <a:lstStyle/>
            <a:p>
              <a:endParaRPr lang="en-US"/>
            </a:p>
          </p:txBody>
        </p:sp>
      </p:grpSp>
    </p:spTree>
    <p:custDataLst>
      <p:custData r:id="rId1"/>
      <p:custData r:id="rId2"/>
    </p:custDataLst>
    <p:extLst>
      <p:ext uri="{BB962C8B-B14F-4D97-AF65-F5344CB8AC3E}">
        <p14:creationId xmlns:p14="http://schemas.microsoft.com/office/powerpoint/2010/main" val="393899706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STERTOPMARGIN" val="134.9291"/>
  <p:tag name="CUSTMASTERTOPMARGIN" val="134.9291"/>
  <p:tag name="GUIDESAPPLIEDTO" val="2"/>
  <p:tag name="TITLETOPMARGIN" val="56.6929"/>
  <p:tag name="TITLEBOTTOMMARGIN" val="128.126"/>
  <p:tag name="MAXCOLS" val="12"/>
  <p:tag name="MAXROWS" val="6"/>
  <p:tag name="MAXGUTTERROW" val="1 cm"/>
  <p:tag name="MAXGUTTERCOL" val="1 cm"/>
  <p:tag name="GUIDEMETRICUNIT" val="cm"/>
  <p:tag name="MASTERLEFTMARGIN" val="56.6929"/>
  <p:tag name="MASTERBOTTOMMARGIN" val="56.693"/>
  <p:tag name="MASTERRIGHTMARGIN" val="56.6929"/>
  <p:tag name="CUSTMASTERLEFTMARGIN" val="56.6929"/>
  <p:tag name="CUSTMASTERBOTTOMMARGIN" val="56.693"/>
  <p:tag name="CUSTMASTERRIGHTMARGIN" val="56.6929"/>
</p:tagLst>
</file>

<file path=ppt/tags/tag1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4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4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GUIDECOLS" val="12"/>
  <p:tag name="GUIDEROWS" val="1"/>
  <p:tag name="GUTTERCOL" val="1 cm"/>
  <p:tag name="GUTTERROW" val="1 cm"/>
  <p:tag name="GUIDESAPPLIEDTO" val="2"/>
  <p:tag name="MASTERBOTTOMMARGIN" val="56.693"/>
</p:tagLst>
</file>

<file path=ppt/tags/tag5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heme/theme1.xml><?xml version="1.0" encoding="utf-8"?>
<a:theme xmlns:a="http://schemas.openxmlformats.org/drawingml/2006/main" name="Office Theme">
  <a:themeElements>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fontScheme name="_Penn Medicines">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101838668564249","enableDocumentContentUpdater":false,"version":"2.0"}]]></TemplafySlideTemplateConfiguration>
</file>

<file path=customXml/item10.xml><?xml version="1.0" encoding="utf-8"?>
<TemplafySlideTemplateConfiguration><![CDATA[{"slideVersion":1,"isValidatorEnabled":false,"isLocked":false,"elementsMetadata":[],"slideId":"638115524070002691","enableDocumentContentUpdater":false,"version":"2.0"}]]></TemplafySlideTemplateConfiguration>
</file>

<file path=customXml/item11.xml><?xml version="1.0" encoding="utf-8"?>
<TemplafySlideTemplateConfiguration><![CDATA[{"slideVersion":1,"isValidatorEnabled":false,"isLocked":false,"elementsMetadata":[],"slideId":"638101838668460935","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8101838667446283","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041386174884741","enableDocumentContentUpdater":false,"version":"2.0"}]]></TemplafySlideTemplateConfiguration>
</file>

<file path=customXml/item17.xml><?xml version="1.0" encoding="utf-8"?>
<TemplafySlideTemplateConfiguration><![CDATA[{"slideVersion":1,"isValidatorEnabled":false,"isLocked":false,"elementsMetadata":[],"slideId":"638115524069986112","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TemplateConfiguration><![CDATA[{"elementsMetadata":[],"transformationConfigurations":[],"templateName":"Penn Medicine Blank Template","templateDescription":"","enableDocumentContentUpdater":false,"version":"2.0"}]]></TemplafyTemplate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638101838667775634","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101838668741687","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041389511013937","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115524070018830","enableDocumentContentUpdater":false,"version":"2.0"}]]></TemplafySlideTemplateConfiguration>
</file>

<file path=customXml/item9.xml><?xml version="1.0" encoding="utf-8"?>
<TemplafyFormConfiguration><![CDATA[{"formFields":[],"formDataEntries":[]}]]></TemplafyFormConfiguration>
</file>

<file path=customXml/itemProps1.xml><?xml version="1.0" encoding="utf-8"?>
<ds:datastoreItem xmlns:ds="http://schemas.openxmlformats.org/officeDocument/2006/customXml" ds:itemID="{17CEEE5C-0171-4A2A-8E01-719C846FB30B}">
  <ds:schemaRefs/>
</ds:datastoreItem>
</file>

<file path=customXml/itemProps10.xml><?xml version="1.0" encoding="utf-8"?>
<ds:datastoreItem xmlns:ds="http://schemas.openxmlformats.org/officeDocument/2006/customXml" ds:itemID="{C72EB7EF-9E3C-4759-9E51-AF463BCACFD2}">
  <ds:schemaRefs/>
</ds:datastoreItem>
</file>

<file path=customXml/itemProps11.xml><?xml version="1.0" encoding="utf-8"?>
<ds:datastoreItem xmlns:ds="http://schemas.openxmlformats.org/officeDocument/2006/customXml" ds:itemID="{D4A0A1B3-25F7-44C1-BF5B-4FC197CBDF06}">
  <ds:schemaRefs/>
</ds:datastoreItem>
</file>

<file path=customXml/itemProps12.xml><?xml version="1.0" encoding="utf-8"?>
<ds:datastoreItem xmlns:ds="http://schemas.openxmlformats.org/officeDocument/2006/customXml" ds:itemID="{373B98B9-5A18-4A48-9CD3-34105F6805E4}">
  <ds:schemaRefs/>
</ds:datastoreItem>
</file>

<file path=customXml/itemProps13.xml><?xml version="1.0" encoding="utf-8"?>
<ds:datastoreItem xmlns:ds="http://schemas.openxmlformats.org/officeDocument/2006/customXml" ds:itemID="{0F8CF43E-1C46-40A5-A501-9A46FC2C0BD7}">
  <ds:schemaRefs/>
</ds:datastoreItem>
</file>

<file path=customXml/itemProps14.xml><?xml version="1.0" encoding="utf-8"?>
<ds:datastoreItem xmlns:ds="http://schemas.openxmlformats.org/officeDocument/2006/customXml" ds:itemID="{089FBBA8-8C0E-47BF-91A6-4C5D48851B47}">
  <ds:schemaRefs/>
</ds:datastoreItem>
</file>

<file path=customXml/itemProps15.xml><?xml version="1.0" encoding="utf-8"?>
<ds:datastoreItem xmlns:ds="http://schemas.openxmlformats.org/officeDocument/2006/customXml" ds:itemID="{C03E4DBE-1FB7-43BE-8BE4-B636876605C6}">
  <ds:schemaRefs/>
</ds:datastoreItem>
</file>

<file path=customXml/itemProps16.xml><?xml version="1.0" encoding="utf-8"?>
<ds:datastoreItem xmlns:ds="http://schemas.openxmlformats.org/officeDocument/2006/customXml" ds:itemID="{2745264F-FF25-4714-85E1-AF14EB2215DB}">
  <ds:schemaRefs/>
</ds:datastoreItem>
</file>

<file path=customXml/itemProps17.xml><?xml version="1.0" encoding="utf-8"?>
<ds:datastoreItem xmlns:ds="http://schemas.openxmlformats.org/officeDocument/2006/customXml" ds:itemID="{540EABED-0E18-4D33-B14A-E4601C21B29A}">
  <ds:schemaRefs/>
</ds:datastoreItem>
</file>

<file path=customXml/itemProps18.xml><?xml version="1.0" encoding="utf-8"?>
<ds:datastoreItem xmlns:ds="http://schemas.openxmlformats.org/officeDocument/2006/customXml" ds:itemID="{039BB34A-A4F8-4612-B09F-6434D861CD94}">
  <ds:schemaRefs/>
</ds:datastoreItem>
</file>

<file path=customXml/itemProps19.xml><?xml version="1.0" encoding="utf-8"?>
<ds:datastoreItem xmlns:ds="http://schemas.openxmlformats.org/officeDocument/2006/customXml" ds:itemID="{E08E1AA8-79EB-4246-A80D-4D5CC9ABC286}">
  <ds:schemaRefs/>
</ds:datastoreItem>
</file>

<file path=customXml/itemProps2.xml><?xml version="1.0" encoding="utf-8"?>
<ds:datastoreItem xmlns:ds="http://schemas.openxmlformats.org/officeDocument/2006/customXml" ds:itemID="{F7EB27C9-7EC6-4F44-A48A-24F66ED5D723}">
  <ds:schemaRefs/>
</ds:datastoreItem>
</file>

<file path=customXml/itemProps20.xml><?xml version="1.0" encoding="utf-8"?>
<ds:datastoreItem xmlns:ds="http://schemas.openxmlformats.org/officeDocument/2006/customXml" ds:itemID="{647445E7-7ED3-40CA-88C9-690A42F58472}">
  <ds:schemaRefs/>
</ds:datastoreItem>
</file>

<file path=customXml/itemProps21.xml><?xml version="1.0" encoding="utf-8"?>
<ds:datastoreItem xmlns:ds="http://schemas.openxmlformats.org/officeDocument/2006/customXml" ds:itemID="{C5D2729B-F225-4F20-83B1-15A4782BF08F}">
  <ds:schemaRefs/>
</ds:datastoreItem>
</file>

<file path=customXml/itemProps22.xml><?xml version="1.0" encoding="utf-8"?>
<ds:datastoreItem xmlns:ds="http://schemas.openxmlformats.org/officeDocument/2006/customXml" ds:itemID="{CF3A280D-31F7-4D1A-9C65-3DFA1A3139FA}">
  <ds:schemaRefs/>
</ds:datastoreItem>
</file>

<file path=customXml/itemProps3.xml><?xml version="1.0" encoding="utf-8"?>
<ds:datastoreItem xmlns:ds="http://schemas.openxmlformats.org/officeDocument/2006/customXml" ds:itemID="{4D6AED55-789D-4E56-A018-9FE6930D1077}">
  <ds:schemaRefs/>
</ds:datastoreItem>
</file>

<file path=customXml/itemProps4.xml><?xml version="1.0" encoding="utf-8"?>
<ds:datastoreItem xmlns:ds="http://schemas.openxmlformats.org/officeDocument/2006/customXml" ds:itemID="{6D531150-7ABE-4F2C-AC78-16776E28B044}">
  <ds:schemaRefs/>
</ds:datastoreItem>
</file>

<file path=customXml/itemProps5.xml><?xml version="1.0" encoding="utf-8"?>
<ds:datastoreItem xmlns:ds="http://schemas.openxmlformats.org/officeDocument/2006/customXml" ds:itemID="{9CBB8DA4-7587-42EB-A3D9-3C89BFE8B3AC}">
  <ds:schemaRefs/>
</ds:datastoreItem>
</file>

<file path=customXml/itemProps6.xml><?xml version="1.0" encoding="utf-8"?>
<ds:datastoreItem xmlns:ds="http://schemas.openxmlformats.org/officeDocument/2006/customXml" ds:itemID="{0C740516-39C6-41B9-8343-02A889EEBEC2}">
  <ds:schemaRefs/>
</ds:datastoreItem>
</file>

<file path=customXml/itemProps7.xml><?xml version="1.0" encoding="utf-8"?>
<ds:datastoreItem xmlns:ds="http://schemas.openxmlformats.org/officeDocument/2006/customXml" ds:itemID="{EED83DC1-278F-452F-A596-70AE8C04DE05}">
  <ds:schemaRefs/>
</ds:datastoreItem>
</file>

<file path=customXml/itemProps8.xml><?xml version="1.0" encoding="utf-8"?>
<ds:datastoreItem xmlns:ds="http://schemas.openxmlformats.org/officeDocument/2006/customXml" ds:itemID="{DA23AE2C-A190-4174-B097-9D9955B5C0C6}">
  <ds:schemaRefs/>
</ds:datastoreItem>
</file>

<file path=customXml/itemProps9.xml><?xml version="1.0" encoding="utf-8"?>
<ds:datastoreItem xmlns:ds="http://schemas.openxmlformats.org/officeDocument/2006/customXml" ds:itemID="{B7CA58D8-1826-4562-AF23-DF01716946CF}">
  <ds:schemaRefs/>
</ds:datastoreItem>
</file>

<file path=docProps/app.xml><?xml version="1.0" encoding="utf-8"?>
<Properties xmlns="http://schemas.openxmlformats.org/officeDocument/2006/extended-properties" xmlns:vt="http://schemas.openxmlformats.org/officeDocument/2006/docPropsVTypes">
  <Template/>
  <TotalTime>12505</TotalTime>
  <Words>998</Words>
  <Application>Microsoft Office PowerPoint</Application>
  <PresentationFormat>Widescreen</PresentationFormat>
  <Paragraphs>99</Paragraphs>
  <Slides>11</Slides>
  <Notes>7</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1</vt:i4>
      </vt:variant>
    </vt:vector>
  </HeadingPairs>
  <TitlesOfParts>
    <vt:vector size="17" baseType="lpstr">
      <vt:lpstr>Arial</vt:lpstr>
      <vt:lpstr>Berlingske Serif Text Office</vt:lpstr>
      <vt:lpstr>Calibri</vt:lpstr>
      <vt:lpstr>Calibri Light</vt:lpstr>
      <vt:lpstr>Courier New</vt:lpstr>
      <vt:lpstr>Office Theme</vt:lpstr>
      <vt:lpstr>New Benefit: Wellthy </vt:lpstr>
      <vt:lpstr>Background </vt:lpstr>
      <vt:lpstr>PowerPoint Presentation</vt:lpstr>
      <vt:lpstr>What can Wellthy help with? </vt:lpstr>
      <vt:lpstr>How can Wellthy help? </vt:lpstr>
      <vt:lpstr>Care Planning Journey </vt:lpstr>
      <vt:lpstr>Benefits of Care Support from Wellthy </vt:lpstr>
      <vt:lpstr>Testimonials</vt:lpstr>
      <vt:lpstr>How to get started with Wellthy </vt:lpstr>
      <vt:lpstr>Contact </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Huw Nicholls</dc:creator>
  <cp:lastModifiedBy>Mcpeak, Emily</cp:lastModifiedBy>
  <cp:revision>102</cp:revision>
  <dcterms:created xsi:type="dcterms:W3CDTF">2023-06-06T19:59:12Z</dcterms:created>
  <dcterms:modified xsi:type="dcterms:W3CDTF">2023-07-11T12:44:2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2-09T15:13:27</vt:lpwstr>
  </property>
  <property fmtid="{D5CDD505-2E9C-101B-9397-08002B2CF9AE}" pid="3" name="TemplafyTenantId">
    <vt:lpwstr>pennmedicine</vt:lpwstr>
  </property>
  <property fmtid="{D5CDD505-2E9C-101B-9397-08002B2CF9AE}" pid="4" name="TemplafyTemplateId">
    <vt:lpwstr>638115524057840357</vt:lpwstr>
  </property>
  <property fmtid="{D5CDD505-2E9C-101B-9397-08002B2CF9AE}" pid="5" name="TemplafyUserProfileId">
    <vt:lpwstr>638106796743729504</vt:lpwstr>
  </property>
  <property fmtid="{D5CDD505-2E9C-101B-9397-08002B2CF9AE}" pid="6" name="TemplafyFromBlank">
    <vt:bool>true</vt:bool>
  </property>
</Properties>
</file>